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301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☆彡オンライン☆彡\"/>
    </mc:Choice>
  </mc:AlternateContent>
  <xr:revisionPtr revIDLastSave="0" documentId="13_ncr:1_{A05D7859-F47F-4047-85AA-68854B3E3D9B}" xr6:coauthVersionLast="47" xr6:coauthVersionMax="47" xr10:uidLastSave="{00000000-0000-0000-0000-000000000000}"/>
  <bookViews>
    <workbookView xWindow="465" yWindow="540" windowWidth="27525" windowHeight="14940" tabRatio="828" xr2:uid="{00000000-000D-0000-FFFF-FFFF00000000}"/>
  </bookViews>
  <sheets>
    <sheet name="R4.1次・３次" sheetId="39" r:id="rId1"/>
    <sheet name="R4.2次" sheetId="40" r:id="rId2"/>
  </sheets>
  <calcPr calcId="162913"/>
</workbook>
</file>

<file path=xl/sharedStrings.xml><?xml version="1.0" encoding="utf-8"?>
<sst xmlns="http://schemas.openxmlformats.org/spreadsheetml/2006/main" count="147" uniqueCount="110">
  <si>
    <t>科目</t>
    <rPh sb="0" eb="2">
      <t>カモク</t>
    </rPh>
    <phoneticPr fontId="1"/>
  </si>
  <si>
    <t>小学校</t>
    <rPh sb="0" eb="3">
      <t>ショウガッコウ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理科</t>
    <rPh sb="0" eb="2">
      <t>リカ</t>
    </rPh>
    <phoneticPr fontId="1"/>
  </si>
  <si>
    <t>音楽</t>
    <rPh sb="0" eb="2">
      <t>オンガク</t>
    </rPh>
    <phoneticPr fontId="1"/>
  </si>
  <si>
    <t>美術</t>
    <rPh sb="0" eb="2">
      <t>ビジュツ</t>
    </rPh>
    <phoneticPr fontId="1"/>
  </si>
  <si>
    <t>保健体育</t>
    <rPh sb="0" eb="2">
      <t>ホケン</t>
    </rPh>
    <rPh sb="2" eb="4">
      <t>タイイク</t>
    </rPh>
    <phoneticPr fontId="1"/>
  </si>
  <si>
    <t>家庭</t>
    <rPh sb="0" eb="2">
      <t>カテイ</t>
    </rPh>
    <phoneticPr fontId="1"/>
  </si>
  <si>
    <t>英語</t>
    <rPh sb="0" eb="2">
      <t>エイゴ</t>
    </rPh>
    <phoneticPr fontId="1"/>
  </si>
  <si>
    <t>高等学校</t>
    <rPh sb="0" eb="2">
      <t>コウトウ</t>
    </rPh>
    <rPh sb="2" eb="4">
      <t>ガッコウ</t>
    </rPh>
    <phoneticPr fontId="1"/>
  </si>
  <si>
    <t>世界史</t>
    <rPh sb="0" eb="3">
      <t>セカイシ</t>
    </rPh>
    <phoneticPr fontId="1"/>
  </si>
  <si>
    <t>物理</t>
    <rPh sb="0" eb="2">
      <t>ブツリ</t>
    </rPh>
    <phoneticPr fontId="1"/>
  </si>
  <si>
    <t>生物</t>
    <rPh sb="0" eb="2">
      <t>セイブツ</t>
    </rPh>
    <phoneticPr fontId="1"/>
  </si>
  <si>
    <t>農業</t>
    <rPh sb="0" eb="2">
      <t>ノウギョウ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養護教諭</t>
    <rPh sb="0" eb="2">
      <t>ヨウゴ</t>
    </rPh>
    <rPh sb="2" eb="4">
      <t>キョウユ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中学校</t>
    <rPh sb="0" eb="3">
      <t>チュウガッコウ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化学</t>
    <rPh sb="0" eb="2">
      <t>カガク</t>
    </rPh>
    <phoneticPr fontId="1"/>
  </si>
  <si>
    <t>福祉</t>
    <rPh sb="0" eb="2">
      <t>フクシ</t>
    </rPh>
    <phoneticPr fontId="1"/>
  </si>
  <si>
    <t>小論文</t>
    <rPh sb="0" eb="3">
      <t>ショウロンブン</t>
    </rPh>
    <phoneticPr fontId="1"/>
  </si>
  <si>
    <t>特別支援</t>
    <rPh sb="0" eb="2">
      <t>トクベツ</t>
    </rPh>
    <rPh sb="2" eb="4">
      <t>シエン</t>
    </rPh>
    <phoneticPr fontId="1"/>
  </si>
  <si>
    <t>中学部</t>
    <rPh sb="0" eb="3">
      <t>チュウガクブ</t>
    </rPh>
    <phoneticPr fontId="1"/>
  </si>
  <si>
    <t>小学部</t>
    <rPh sb="0" eb="2">
      <t>ショウガク</t>
    </rPh>
    <rPh sb="2" eb="3">
      <t>ブ</t>
    </rPh>
    <phoneticPr fontId="1"/>
  </si>
  <si>
    <t>高等部</t>
    <rPh sb="0" eb="2">
      <t>コウトウ</t>
    </rPh>
    <rPh sb="2" eb="3">
      <t>ブ</t>
    </rPh>
    <phoneticPr fontId="1"/>
  </si>
  <si>
    <t>問題枚数</t>
    <rPh sb="0" eb="2">
      <t>モンダイ</t>
    </rPh>
    <rPh sb="2" eb="4">
      <t>マイスウ</t>
    </rPh>
    <phoneticPr fontId="1"/>
  </si>
  <si>
    <t>面接</t>
    <rPh sb="0" eb="2">
      <t>メンセツ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評価基準</t>
    <rPh sb="0" eb="2">
      <t>ヒョウカ</t>
    </rPh>
    <rPh sb="2" eb="4">
      <t>キジュン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高　国語</t>
    <rPh sb="0" eb="2">
      <t>チュウコウ</t>
    </rPh>
    <rPh sb="3" eb="5">
      <t>コクゴ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農業</t>
    <rPh sb="0" eb="2">
      <t>コウコウ</t>
    </rPh>
    <rPh sb="3" eb="5">
      <t>ノウギョウ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2次実技試験　問題・評価基準</t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2次試験　模擬授業テーマ・口頭試問概要</t>
    <rPh sb="1" eb="2">
      <t>ジ</t>
    </rPh>
    <rPh sb="2" eb="4">
      <t>シケン</t>
    </rPh>
    <rPh sb="5" eb="7">
      <t>モギ</t>
    </rPh>
    <rPh sb="7" eb="9">
      <t>ジュギョウ</t>
    </rPh>
    <rPh sb="13" eb="15">
      <t>コウトウ</t>
    </rPh>
    <rPh sb="15" eb="17">
      <t>シモン</t>
    </rPh>
    <rPh sb="17" eb="19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口頭試問枚数</t>
    <rPh sb="0" eb="2">
      <t>コウトウ</t>
    </rPh>
    <rPh sb="2" eb="4">
      <t>シモン</t>
    </rPh>
    <rPh sb="4" eb="6">
      <t>マイスウ</t>
    </rPh>
    <phoneticPr fontId="1"/>
  </si>
  <si>
    <t>テーマ</t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公民</t>
    <rPh sb="0" eb="2">
      <t>コウミン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スペシャリスト特別選考</t>
    <rPh sb="7" eb="9">
      <t>トクベツ</t>
    </rPh>
    <rPh sb="9" eb="11">
      <t>センコウ</t>
    </rPh>
    <phoneticPr fontId="1"/>
  </si>
  <si>
    <t>　　　　　　　　　　</t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高校　土木</t>
    <rPh sb="0" eb="2">
      <t>コウコウ</t>
    </rPh>
    <rPh sb="3" eb="5">
      <t>ドボク</t>
    </rPh>
    <phoneticPr fontId="1"/>
  </si>
  <si>
    <t>土木</t>
    <rPh sb="0" eb="2">
      <t>ドボク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問題・模範解答・配点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栄養教諭</t>
    <rPh sb="0" eb="2">
      <t>エイヨウ</t>
    </rPh>
    <rPh sb="2" eb="4">
      <t>キョウユ</t>
    </rPh>
    <phoneticPr fontId="1"/>
  </si>
  <si>
    <t>書道</t>
    <rPh sb="0" eb="2">
      <t>ショドウ</t>
    </rPh>
    <phoneticPr fontId="1"/>
  </si>
  <si>
    <t>建築</t>
    <rPh sb="0" eb="2">
      <t>ケンチク</t>
    </rPh>
    <phoneticPr fontId="1"/>
  </si>
  <si>
    <t>小中連携中高　英語</t>
    <rPh sb="0" eb="2">
      <t>ショウチュウ</t>
    </rPh>
    <rPh sb="2" eb="4">
      <t>レンケイ</t>
    </rPh>
    <rPh sb="4" eb="6">
      <t>チュウコウ</t>
    </rPh>
    <rPh sb="7" eb="9">
      <t>エイゴ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小中連携中高　音楽</t>
    <rPh sb="0" eb="2">
      <t>ショウチュウ</t>
    </rPh>
    <rPh sb="2" eb="4">
      <t>レンケイ</t>
    </rPh>
    <rPh sb="4" eb="6">
      <t>チュウコウ</t>
    </rPh>
    <rPh sb="7" eb="9">
      <t>オンガク</t>
    </rPh>
    <phoneticPr fontId="1"/>
  </si>
  <si>
    <t>小中連携中高　保健体育</t>
    <rPh sb="0" eb="2">
      <t>ショウチュウ</t>
    </rPh>
    <rPh sb="2" eb="4">
      <t>レンケイ</t>
    </rPh>
    <rPh sb="4" eb="6">
      <t>チュウコウ</t>
    </rPh>
    <rPh sb="7" eb="9">
      <t>ホケン</t>
    </rPh>
    <rPh sb="9" eb="11">
      <t>タイイク</t>
    </rPh>
    <phoneticPr fontId="1"/>
  </si>
  <si>
    <t>模擬授業及び口頭試問評価について・評価票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場面指導及び口頭試問評価について・評価票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　　　　個人面接</t>
    <rPh sb="4" eb="6">
      <t>コジン</t>
    </rPh>
    <rPh sb="6" eb="8">
      <t>メンセツ</t>
    </rPh>
    <phoneticPr fontId="1"/>
  </si>
  <si>
    <t>特別選考　Ⅲ</t>
    <rPh sb="0" eb="2">
      <t>トクベツ</t>
    </rPh>
    <rPh sb="2" eb="4">
      <t>センコウ</t>
    </rPh>
    <phoneticPr fontId="1"/>
  </si>
  <si>
    <t>整理番号</t>
    <rPh sb="0" eb="2">
      <t>セイリ</t>
    </rPh>
    <rPh sb="2" eb="4">
      <t>バンゴウ</t>
    </rPh>
    <phoneticPr fontId="1"/>
  </si>
  <si>
    <t>小中連携中　   理科</t>
    <rPh sb="0" eb="2">
      <t>ショウチュウ</t>
    </rPh>
    <rPh sb="2" eb="4">
      <t>レンケイ</t>
    </rPh>
    <rPh sb="4" eb="5">
      <t>チュウ</t>
    </rPh>
    <rPh sb="9" eb="11">
      <t>リカ</t>
    </rPh>
    <phoneticPr fontId="1"/>
  </si>
  <si>
    <t>小中連携中高　数学</t>
    <rPh sb="0" eb="2">
      <t>ショウチュウ</t>
    </rPh>
    <rPh sb="2" eb="4">
      <t>レンケイ</t>
    </rPh>
    <rPh sb="4" eb="6">
      <t>チュウコウ</t>
    </rPh>
    <rPh sb="7" eb="9">
      <t>スウガク</t>
    </rPh>
    <phoneticPr fontId="1"/>
  </si>
  <si>
    <t>中高　美術</t>
    <rPh sb="0" eb="1">
      <t>チュウ</t>
    </rPh>
    <rPh sb="1" eb="2">
      <t>コウ</t>
    </rPh>
    <rPh sb="3" eb="5">
      <t>ビジュツ</t>
    </rPh>
    <phoneticPr fontId="1"/>
  </si>
  <si>
    <t>高校　水産【食品】</t>
    <rPh sb="0" eb="2">
      <t>コウコウ</t>
    </rPh>
    <rPh sb="3" eb="5">
      <t>スイサン</t>
    </rPh>
    <rPh sb="6" eb="8">
      <t>ショクヒン</t>
    </rPh>
    <phoneticPr fontId="1"/>
  </si>
  <si>
    <t>小中連携中高教諭</t>
    <rPh sb="0" eb="2">
      <t>ショウチュウ</t>
    </rPh>
    <rPh sb="2" eb="4">
      <t>レンケイ</t>
    </rPh>
    <rPh sb="4" eb="6">
      <t>チュウコウ</t>
    </rPh>
    <rPh sb="6" eb="8">
      <t>キョウユ</t>
    </rPh>
    <phoneticPr fontId="1"/>
  </si>
  <si>
    <t>水産【食品】</t>
    <rPh sb="0" eb="2">
      <t>スイサン</t>
    </rPh>
    <rPh sb="3" eb="5">
      <t>ショクヒン</t>
    </rPh>
    <phoneticPr fontId="1"/>
  </si>
  <si>
    <t>整理番号</t>
    <rPh sb="0" eb="4">
      <t>セイリバンゴウ</t>
    </rPh>
    <phoneticPr fontId="1"/>
  </si>
  <si>
    <t>令和4年度</t>
    <rPh sb="0" eb="1">
      <t>レイ</t>
    </rPh>
    <rPh sb="1" eb="2">
      <t>ワ</t>
    </rPh>
    <rPh sb="3" eb="5">
      <t>ネンド</t>
    </rPh>
    <phoneticPr fontId="1"/>
  </si>
  <si>
    <t>○</t>
    <phoneticPr fontId="1"/>
  </si>
  <si>
    <t>１次・２次・３次選考基準</t>
    <rPh sb="1" eb="2">
      <t>ジ</t>
    </rPh>
    <rPh sb="4" eb="5">
      <t>ジ</t>
    </rPh>
    <rPh sb="7" eb="8">
      <t>ジ</t>
    </rPh>
    <phoneticPr fontId="1"/>
  </si>
  <si>
    <t>　　　　　必要な科目の枚数左横の空欄に○を入れてください</t>
    <phoneticPr fontId="1"/>
  </si>
  <si>
    <t>科目</t>
    <rPh sb="0" eb="2">
      <t>カモク</t>
    </rPh>
    <phoneticPr fontId="1"/>
  </si>
  <si>
    <t>○</t>
    <phoneticPr fontId="1"/>
  </si>
  <si>
    <t>　　　　必要な科目の枚数左横の空欄に○を入れてください</t>
    <phoneticPr fontId="1"/>
  </si>
  <si>
    <t>教諭評価用</t>
    <rPh sb="0" eb="2">
      <t>キョウユ</t>
    </rPh>
    <rPh sb="2" eb="4">
      <t>ヒョウカ</t>
    </rPh>
    <rPh sb="4" eb="5">
      <t>ヨウ</t>
    </rPh>
    <phoneticPr fontId="1"/>
  </si>
  <si>
    <t>養護教諭評価用</t>
    <rPh sb="0" eb="2">
      <t>ヨウゴ</t>
    </rPh>
    <rPh sb="2" eb="4">
      <t>キョウユ</t>
    </rPh>
    <rPh sb="4" eb="6">
      <t>ヒョウカ</t>
    </rPh>
    <rPh sb="6" eb="7">
      <t>ヨウ</t>
    </rPh>
    <phoneticPr fontId="1"/>
  </si>
  <si>
    <t>※１次教養・専門、３次面接は別のシートです</t>
    <rPh sb="14" eb="15">
      <t>ベツ</t>
    </rPh>
    <phoneticPr fontId="1"/>
  </si>
  <si>
    <t xml:space="preserve">                          ※２次実技・模擬・口頭試問は別のシートです</t>
    <phoneticPr fontId="1"/>
  </si>
  <si>
    <t>令和４年度　大分県公立学校教員採用選考1次・３次</t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rPh sb="23" eb="24">
      <t>ジ</t>
    </rPh>
    <phoneticPr fontId="1"/>
  </si>
  <si>
    <t>　　　　令和４年度　大分県公立学校教員採用選考２次試験</t>
    <rPh sb="4" eb="6">
      <t>レイワ</t>
    </rPh>
    <rPh sb="7" eb="9">
      <t>ネンド</t>
    </rPh>
    <rPh sb="10" eb="13">
      <t>オオイタケン</t>
    </rPh>
    <rPh sb="13" eb="15">
      <t>コウリツ</t>
    </rPh>
    <rPh sb="15" eb="17">
      <t>ガッコウ</t>
    </rPh>
    <rPh sb="17" eb="19">
      <t>キョウイン</t>
    </rPh>
    <rPh sb="19" eb="21">
      <t>サイヨウ</t>
    </rPh>
    <rPh sb="21" eb="23">
      <t>センコウ</t>
    </rPh>
    <rPh sb="24" eb="25">
      <t>ジ</t>
    </rPh>
    <rPh sb="25" eb="27">
      <t>シケン</t>
    </rPh>
    <phoneticPr fontId="1"/>
  </si>
  <si>
    <t>公表終了</t>
    <rPh sb="0" eb="2">
      <t>コウヒョウ</t>
    </rPh>
    <rPh sb="2" eb="4">
      <t>シュウリョウ</t>
    </rPh>
    <phoneticPr fontId="1"/>
  </si>
  <si>
    <t>令和９年度１次公表により、　令和４年度１次の公表は　　　終了しました。</t>
    <rPh sb="0" eb="2">
      <t>レイワ</t>
    </rPh>
    <rPh sb="3" eb="5">
      <t>ネンド</t>
    </rPh>
    <rPh sb="6" eb="7">
      <t>ジ</t>
    </rPh>
    <rPh sb="7" eb="9">
      <t>コウヒョウ</t>
    </rPh>
    <rPh sb="14" eb="16">
      <t>レイワ</t>
    </rPh>
    <rPh sb="17" eb="19">
      <t>ネンド</t>
    </rPh>
    <rPh sb="20" eb="21">
      <t>ジ</t>
    </rPh>
    <rPh sb="22" eb="24">
      <t>コウヒョウ</t>
    </rPh>
    <rPh sb="28" eb="30">
      <t>シュウリ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4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4" fillId="0" borderId="25" xfId="0" applyFont="1" applyBorder="1" applyAlignment="1">
      <alignment horizontal="left" vertical="center"/>
    </xf>
    <xf numFmtId="0" fontId="4" fillId="0" borderId="1" xfId="0" applyFont="1" applyBorder="1">
      <alignment vertical="center"/>
    </xf>
    <xf numFmtId="0" fontId="4" fillId="0" borderId="2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30" xfId="0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5" fillId="0" borderId="1" xfId="0" applyFont="1" applyBorder="1">
      <alignment vertical="center"/>
    </xf>
    <xf numFmtId="0" fontId="5" fillId="0" borderId="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>
      <alignment vertical="center"/>
    </xf>
    <xf numFmtId="0" fontId="7" fillId="0" borderId="0" xfId="0" applyFont="1">
      <alignment vertical="center"/>
    </xf>
    <xf numFmtId="0" fontId="4" fillId="0" borderId="0" xfId="0" applyFont="1" applyAlignment="1">
      <alignment horizontal="center" vertical="center" shrinkToFit="1"/>
    </xf>
    <xf numFmtId="0" fontId="5" fillId="0" borderId="35" xfId="0" applyFont="1" applyBorder="1" applyAlignment="1">
      <alignment horizontal="center" vertical="center"/>
    </xf>
    <xf numFmtId="0" fontId="5" fillId="0" borderId="36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5" fillId="0" borderId="32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40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5" xfId="0" applyFont="1" applyBorder="1">
      <alignment vertical="center"/>
    </xf>
    <xf numFmtId="0" fontId="4" fillId="0" borderId="25" xfId="0" applyFont="1" applyBorder="1">
      <alignment vertical="center"/>
    </xf>
    <xf numFmtId="0" fontId="4" fillId="0" borderId="15" xfId="0" applyFont="1" applyBorder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5" fillId="0" borderId="23" xfId="0" applyFont="1" applyBorder="1" applyAlignment="1">
      <alignment horizontal="center" vertical="center"/>
    </xf>
    <xf numFmtId="0" fontId="5" fillId="0" borderId="48" xfId="0" applyFont="1" applyBorder="1" applyAlignment="1">
      <alignment horizontal="center" vertical="center"/>
    </xf>
    <xf numFmtId="0" fontId="5" fillId="0" borderId="49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24" xfId="0" applyFont="1" applyBorder="1">
      <alignment vertical="center"/>
    </xf>
    <xf numFmtId="0" fontId="4" fillId="0" borderId="25" xfId="0" applyFont="1" applyBorder="1" applyAlignment="1">
      <alignment vertical="center" shrinkToFit="1"/>
    </xf>
    <xf numFmtId="0" fontId="8" fillId="0" borderId="2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/>
    </xf>
    <xf numFmtId="0" fontId="9" fillId="0" borderId="31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9" fillId="0" borderId="22" xfId="0" applyFont="1" applyBorder="1" applyAlignment="1">
      <alignment horizontal="center" vertical="center"/>
    </xf>
    <xf numFmtId="0" fontId="9" fillId="0" borderId="28" xfId="0" applyFont="1" applyBorder="1" applyAlignment="1">
      <alignment horizontal="center" vertical="center"/>
    </xf>
    <xf numFmtId="0" fontId="9" fillId="0" borderId="35" xfId="0" applyFont="1" applyBorder="1" applyAlignment="1">
      <alignment horizontal="center" vertical="center"/>
    </xf>
    <xf numFmtId="0" fontId="9" fillId="0" borderId="36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9" fillId="0" borderId="23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/>
    </xf>
    <xf numFmtId="0" fontId="9" fillId="0" borderId="3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right" vertical="center"/>
    </xf>
    <xf numFmtId="0" fontId="4" fillId="2" borderId="1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 shrinkToFit="1"/>
    </xf>
    <xf numFmtId="0" fontId="4" fillId="2" borderId="1" xfId="0" applyFont="1" applyFill="1" applyBorder="1">
      <alignment vertical="center"/>
    </xf>
    <xf numFmtId="0" fontId="5" fillId="2" borderId="44" xfId="0" applyFont="1" applyFill="1" applyBorder="1" applyAlignment="1">
      <alignment horizontal="center" vertical="center"/>
    </xf>
    <xf numFmtId="0" fontId="5" fillId="2" borderId="33" xfId="0" applyFont="1" applyFill="1" applyBorder="1" applyAlignment="1">
      <alignment horizontal="center" vertical="center"/>
    </xf>
    <xf numFmtId="0" fontId="5" fillId="2" borderId="37" xfId="0" applyFont="1" applyFill="1" applyBorder="1" applyAlignment="1">
      <alignment horizontal="center" vertical="center"/>
    </xf>
    <xf numFmtId="0" fontId="5" fillId="2" borderId="39" xfId="0" applyFont="1" applyFill="1" applyBorder="1" applyAlignment="1">
      <alignment horizontal="center" vertical="center"/>
    </xf>
    <xf numFmtId="0" fontId="5" fillId="2" borderId="38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5" fillId="2" borderId="43" xfId="0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0" fontId="8" fillId="0" borderId="24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4" fillId="0" borderId="28" xfId="0" applyFont="1" applyBorder="1" applyAlignment="1">
      <alignment horizontal="left" vertical="center"/>
    </xf>
    <xf numFmtId="0" fontId="4" fillId="0" borderId="51" xfId="0" applyFont="1" applyBorder="1" applyAlignment="1">
      <alignment horizontal="left" vertical="center"/>
    </xf>
    <xf numFmtId="0" fontId="4" fillId="0" borderId="22" xfId="0" applyFont="1" applyBorder="1" applyAlignment="1">
      <alignment horizontal="left" vertical="center"/>
    </xf>
    <xf numFmtId="0" fontId="4" fillId="0" borderId="53" xfId="0" applyFont="1" applyBorder="1" applyAlignment="1">
      <alignment horizontal="left" vertical="center"/>
    </xf>
    <xf numFmtId="0" fontId="4" fillId="0" borderId="41" xfId="0" applyFont="1" applyBorder="1" applyAlignment="1">
      <alignment horizontal="left" vertical="center"/>
    </xf>
    <xf numFmtId="0" fontId="4" fillId="0" borderId="52" xfId="0" applyFont="1" applyBorder="1" applyAlignment="1">
      <alignment horizontal="left" vertical="center"/>
    </xf>
    <xf numFmtId="0" fontId="4" fillId="0" borderId="29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47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45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50" xfId="0" applyFont="1" applyBorder="1" applyAlignment="1">
      <alignment horizontal="center" vertical="center"/>
    </xf>
    <xf numFmtId="0" fontId="4" fillId="0" borderId="46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0" fontId="5" fillId="0" borderId="38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10" fillId="0" borderId="31" xfId="0" applyFont="1" applyBorder="1" applyAlignment="1">
      <alignment horizontal="left" vertical="center" wrapText="1"/>
    </xf>
    <xf numFmtId="0" fontId="10" fillId="0" borderId="14" xfId="0" applyFont="1" applyBorder="1" applyAlignment="1">
      <alignment horizontal="left" vertical="center" wrapText="1"/>
    </xf>
    <xf numFmtId="0" fontId="10" fillId="0" borderId="40" xfId="0" applyFont="1" applyBorder="1" applyAlignment="1">
      <alignment horizontal="left" vertical="center" wrapText="1"/>
    </xf>
    <xf numFmtId="0" fontId="10" fillId="0" borderId="48" xfId="0" applyFont="1" applyBorder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16" xfId="0" applyFont="1" applyBorder="1" applyAlignment="1">
      <alignment horizontal="left" vertical="center" wrapText="1"/>
    </xf>
    <xf numFmtId="0" fontId="10" fillId="0" borderId="54" xfId="0" applyFont="1" applyBorder="1" applyAlignment="1">
      <alignment horizontal="left" vertical="center" wrapText="1"/>
    </xf>
    <xf numFmtId="0" fontId="10" fillId="0" borderId="50" xfId="0" applyFont="1" applyBorder="1" applyAlignment="1">
      <alignment horizontal="left" vertical="center" wrapText="1"/>
    </xf>
    <xf numFmtId="0" fontId="10" fillId="0" borderId="55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W59"/>
  <sheetViews>
    <sheetView tabSelected="1" workbookViewId="0">
      <selection activeCell="O5" sqref="O5"/>
    </sheetView>
  </sheetViews>
  <sheetFormatPr defaultRowHeight="13.5" x14ac:dyDescent="0.15"/>
  <cols>
    <col min="1" max="1" width="12" customWidth="1"/>
    <col min="2" max="2" width="17.625" customWidth="1"/>
    <col min="3" max="3" width="2.375" bestFit="1" customWidth="1"/>
    <col min="4" max="4" width="2.5" customWidth="1"/>
    <col min="5" max="5" width="3.375" customWidth="1"/>
    <col min="6" max="6" width="17.125" customWidth="1"/>
    <col min="7" max="9" width="3.375" customWidth="1"/>
    <col min="10" max="10" width="8" bestFit="1" customWidth="1"/>
    <col min="11" max="11" width="3.125" bestFit="1" customWidth="1"/>
    <col min="12" max="12" width="12.375" bestFit="1" customWidth="1"/>
  </cols>
  <sheetData>
    <row r="1" spans="1:18" ht="18.75" x14ac:dyDescent="0.15">
      <c r="A1" s="104" t="s">
        <v>106</v>
      </c>
      <c r="B1" s="104"/>
      <c r="C1" s="104"/>
      <c r="D1" s="104"/>
      <c r="E1" s="104"/>
      <c r="F1" s="104"/>
      <c r="G1" s="104"/>
      <c r="H1" s="104"/>
      <c r="I1" s="104"/>
      <c r="J1" s="104"/>
      <c r="K1" s="104"/>
      <c r="L1" s="104"/>
    </row>
    <row r="2" spans="1:18" ht="18.75" x14ac:dyDescent="0.15">
      <c r="A2" s="52"/>
      <c r="B2" s="46" t="s">
        <v>98</v>
      </c>
      <c r="C2" s="46"/>
      <c r="D2" s="46"/>
      <c r="E2" s="52"/>
      <c r="F2" s="52"/>
      <c r="G2" s="52"/>
      <c r="H2" s="52"/>
      <c r="I2" s="52"/>
      <c r="J2" s="52"/>
      <c r="K2" s="52"/>
      <c r="L2" s="52"/>
    </row>
    <row r="3" spans="1:18" ht="18" customHeight="1" x14ac:dyDescent="0.15">
      <c r="F3" t="s">
        <v>64</v>
      </c>
    </row>
    <row r="4" spans="1:18" s="3" customFormat="1" ht="15.95" customHeight="1" thickBot="1" x14ac:dyDescent="0.2">
      <c r="A4" s="2" t="s">
        <v>56</v>
      </c>
      <c r="B4" s="2" t="s">
        <v>70</v>
      </c>
      <c r="C4" s="2"/>
      <c r="D4" s="2"/>
      <c r="E4" s="2"/>
      <c r="F4" s="3" t="s">
        <v>105</v>
      </c>
      <c r="M4" s="4"/>
      <c r="N4" s="4"/>
    </row>
    <row r="5" spans="1:18" s="3" customFormat="1" ht="15.95" customHeight="1" thickBot="1" x14ac:dyDescent="0.2">
      <c r="B5" s="44"/>
      <c r="C5" s="43"/>
      <c r="D5" s="43"/>
      <c r="E5" s="62"/>
      <c r="F5" s="61" t="s">
        <v>99</v>
      </c>
      <c r="G5" s="107" t="s">
        <v>87</v>
      </c>
      <c r="H5" s="108"/>
      <c r="I5" s="100" t="s">
        <v>96</v>
      </c>
      <c r="J5" s="5" t="s">
        <v>31</v>
      </c>
      <c r="K5" s="100" t="s">
        <v>96</v>
      </c>
      <c r="L5" s="42" t="s">
        <v>35</v>
      </c>
      <c r="M5" s="4"/>
      <c r="N5" s="4"/>
      <c r="P5" s="4"/>
      <c r="Q5" s="4"/>
      <c r="R5" s="4"/>
    </row>
    <row r="6" spans="1:18" s="3" customFormat="1" ht="15.95" customHeight="1" thickBot="1" x14ac:dyDescent="0.2">
      <c r="B6" s="105" t="s">
        <v>36</v>
      </c>
      <c r="C6" s="102"/>
      <c r="D6" s="102"/>
      <c r="E6" s="102"/>
      <c r="F6" s="106"/>
      <c r="G6" s="145" t="s">
        <v>109</v>
      </c>
      <c r="H6" s="146"/>
      <c r="I6" s="146"/>
      <c r="J6" s="146"/>
      <c r="K6" s="146"/>
      <c r="L6" s="147"/>
      <c r="M6" s="4"/>
      <c r="N6" s="4"/>
      <c r="P6" s="4"/>
      <c r="Q6" s="4"/>
      <c r="R6" s="4"/>
    </row>
    <row r="7" spans="1:18" s="3" customFormat="1" ht="15.95" customHeight="1" thickBot="1" x14ac:dyDescent="0.2">
      <c r="B7" s="105" t="s">
        <v>1</v>
      </c>
      <c r="C7" s="102"/>
      <c r="D7" s="102"/>
      <c r="E7" s="102"/>
      <c r="F7" s="106"/>
      <c r="G7" s="148"/>
      <c r="H7" s="149"/>
      <c r="I7" s="149"/>
      <c r="J7" s="149"/>
      <c r="K7" s="149"/>
      <c r="L7" s="150"/>
      <c r="M7" s="4"/>
      <c r="N7" s="4"/>
      <c r="P7" s="4"/>
      <c r="Q7" s="4"/>
      <c r="R7" s="4"/>
    </row>
    <row r="8" spans="1:18" s="3" customFormat="1" ht="15.95" customHeight="1" x14ac:dyDescent="0.15">
      <c r="B8" s="118" t="s">
        <v>48</v>
      </c>
      <c r="C8" s="119"/>
      <c r="D8" s="120"/>
      <c r="E8" s="114" t="s">
        <v>88</v>
      </c>
      <c r="F8" s="115"/>
      <c r="G8" s="148"/>
      <c r="H8" s="149"/>
      <c r="I8" s="149"/>
      <c r="J8" s="149"/>
      <c r="K8" s="149"/>
      <c r="L8" s="150"/>
      <c r="M8" s="4"/>
      <c r="N8" s="4"/>
      <c r="P8" s="4"/>
      <c r="Q8" s="4"/>
      <c r="R8" s="4"/>
    </row>
    <row r="9" spans="1:18" s="3" customFormat="1" ht="15.95" customHeight="1" x14ac:dyDescent="0.15">
      <c r="B9" s="121"/>
      <c r="C9" s="122"/>
      <c r="D9" s="123"/>
      <c r="E9" s="112" t="s">
        <v>89</v>
      </c>
      <c r="F9" s="113"/>
      <c r="G9" s="148"/>
      <c r="H9" s="149"/>
      <c r="I9" s="149"/>
      <c r="J9" s="149"/>
      <c r="K9" s="149"/>
      <c r="L9" s="150"/>
      <c r="M9" s="4"/>
      <c r="N9" s="4"/>
      <c r="P9" s="4"/>
      <c r="Q9" s="4"/>
      <c r="R9" s="4"/>
    </row>
    <row r="10" spans="1:18" s="3" customFormat="1" ht="15.95" customHeight="1" x14ac:dyDescent="0.15">
      <c r="B10" s="121"/>
      <c r="C10" s="122"/>
      <c r="D10" s="123"/>
      <c r="E10" s="112" t="s">
        <v>76</v>
      </c>
      <c r="F10" s="113"/>
      <c r="G10" s="148"/>
      <c r="H10" s="149"/>
      <c r="I10" s="149"/>
      <c r="J10" s="149"/>
      <c r="K10" s="149"/>
      <c r="L10" s="150"/>
      <c r="M10" s="4"/>
      <c r="N10" s="4"/>
      <c r="O10" s="4"/>
      <c r="P10" s="4"/>
      <c r="Q10" s="4"/>
      <c r="R10" s="4"/>
    </row>
    <row r="11" spans="1:18" s="3" customFormat="1" ht="15.95" customHeight="1" x14ac:dyDescent="0.15">
      <c r="B11" s="121"/>
      <c r="C11" s="122"/>
      <c r="D11" s="123"/>
      <c r="E11" s="112" t="s">
        <v>81</v>
      </c>
      <c r="F11" s="113"/>
      <c r="G11" s="148"/>
      <c r="H11" s="149"/>
      <c r="I11" s="149"/>
      <c r="J11" s="149"/>
      <c r="K11" s="149"/>
      <c r="L11" s="150"/>
      <c r="M11" s="4"/>
      <c r="N11" s="4"/>
      <c r="P11" s="4"/>
      <c r="Q11" s="4"/>
      <c r="R11" s="4"/>
    </row>
    <row r="12" spans="1:18" s="3" customFormat="1" ht="15.95" customHeight="1" x14ac:dyDescent="0.15">
      <c r="B12" s="121"/>
      <c r="C12" s="122"/>
      <c r="D12" s="123"/>
      <c r="E12" s="112" t="s">
        <v>82</v>
      </c>
      <c r="F12" s="113"/>
      <c r="G12" s="148"/>
      <c r="H12" s="149"/>
      <c r="I12" s="149"/>
      <c r="J12" s="149"/>
      <c r="K12" s="149"/>
      <c r="L12" s="150"/>
      <c r="M12" s="4"/>
      <c r="N12" s="4"/>
      <c r="P12" s="4"/>
      <c r="Q12" s="4"/>
      <c r="R12" s="4"/>
    </row>
    <row r="13" spans="1:18" s="3" customFormat="1" ht="15.95" customHeight="1" x14ac:dyDescent="0.15">
      <c r="B13" s="121"/>
      <c r="C13" s="122"/>
      <c r="D13" s="123"/>
      <c r="E13" s="112" t="s">
        <v>37</v>
      </c>
      <c r="F13" s="113"/>
      <c r="G13" s="148"/>
      <c r="H13" s="149"/>
      <c r="I13" s="149"/>
      <c r="J13" s="149"/>
      <c r="K13" s="149"/>
      <c r="L13" s="150"/>
      <c r="M13" s="4"/>
      <c r="N13" s="4"/>
      <c r="O13" s="4"/>
      <c r="P13" s="4"/>
      <c r="Q13" s="4"/>
      <c r="R13" s="4"/>
    </row>
    <row r="14" spans="1:18" s="3" customFormat="1" ht="15.95" customHeight="1" x14ac:dyDescent="0.15">
      <c r="B14" s="121"/>
      <c r="C14" s="122"/>
      <c r="D14" s="123"/>
      <c r="E14" s="112" t="s">
        <v>38</v>
      </c>
      <c r="F14" s="113"/>
      <c r="G14" s="148"/>
      <c r="H14" s="149"/>
      <c r="I14" s="149"/>
      <c r="J14" s="149"/>
      <c r="K14" s="149"/>
      <c r="L14" s="150"/>
      <c r="M14" s="4"/>
      <c r="N14" s="4"/>
      <c r="P14" s="4"/>
      <c r="R14" s="4"/>
    </row>
    <row r="15" spans="1:18" s="3" customFormat="1" ht="15.95" customHeight="1" x14ac:dyDescent="0.15">
      <c r="B15" s="121"/>
      <c r="C15" s="122"/>
      <c r="D15" s="123"/>
      <c r="E15" s="112" t="s">
        <v>90</v>
      </c>
      <c r="F15" s="113"/>
      <c r="G15" s="148"/>
      <c r="H15" s="149"/>
      <c r="I15" s="149"/>
      <c r="J15" s="149"/>
      <c r="K15" s="149"/>
      <c r="L15" s="150"/>
      <c r="M15" s="4"/>
      <c r="N15" s="4"/>
      <c r="P15" s="4"/>
      <c r="Q15" s="4"/>
      <c r="R15" s="4"/>
    </row>
    <row r="16" spans="1:18" s="3" customFormat="1" ht="15.95" customHeight="1" x14ac:dyDescent="0.15">
      <c r="B16" s="121"/>
      <c r="C16" s="122"/>
      <c r="D16" s="123"/>
      <c r="E16" s="112" t="s">
        <v>62</v>
      </c>
      <c r="F16" s="113"/>
      <c r="G16" s="148"/>
      <c r="H16" s="149"/>
      <c r="I16" s="149"/>
      <c r="J16" s="149"/>
      <c r="K16" s="149"/>
      <c r="L16" s="150"/>
      <c r="M16" s="4"/>
      <c r="N16" s="4"/>
      <c r="P16" s="4"/>
      <c r="Q16" s="4"/>
      <c r="R16" s="4"/>
    </row>
    <row r="17" spans="2:18" s="3" customFormat="1" ht="15.95" customHeight="1" x14ac:dyDescent="0.15">
      <c r="B17" s="121"/>
      <c r="C17" s="122"/>
      <c r="D17" s="123"/>
      <c r="E17" s="112" t="s">
        <v>39</v>
      </c>
      <c r="F17" s="113"/>
      <c r="G17" s="148"/>
      <c r="H17" s="149"/>
      <c r="I17" s="149"/>
      <c r="J17" s="149"/>
      <c r="K17" s="149"/>
      <c r="L17" s="150"/>
      <c r="M17" s="4"/>
      <c r="N17" s="4"/>
      <c r="P17" s="4"/>
      <c r="Q17" s="4"/>
      <c r="R17" s="4"/>
    </row>
    <row r="18" spans="2:18" s="3" customFormat="1" ht="15.95" customHeight="1" x14ac:dyDescent="0.15">
      <c r="B18" s="121"/>
      <c r="C18" s="122"/>
      <c r="D18" s="123"/>
      <c r="E18" s="112" t="s">
        <v>40</v>
      </c>
      <c r="F18" s="113"/>
      <c r="G18" s="148"/>
      <c r="H18" s="149"/>
      <c r="I18" s="149"/>
      <c r="J18" s="149"/>
      <c r="K18" s="149"/>
      <c r="L18" s="150"/>
      <c r="M18" s="4"/>
      <c r="N18" s="4"/>
      <c r="P18" s="4"/>
      <c r="Q18" s="4"/>
      <c r="R18" s="4"/>
    </row>
    <row r="19" spans="2:18" s="3" customFormat="1" ht="15.95" customHeight="1" x14ac:dyDescent="0.15">
      <c r="B19" s="121"/>
      <c r="C19" s="122"/>
      <c r="D19" s="123"/>
      <c r="E19" s="112" t="s">
        <v>41</v>
      </c>
      <c r="F19" s="113"/>
      <c r="G19" s="148"/>
      <c r="H19" s="149"/>
      <c r="I19" s="149"/>
      <c r="J19" s="149"/>
      <c r="K19" s="149"/>
      <c r="L19" s="150"/>
      <c r="M19" s="4"/>
      <c r="N19" s="4"/>
      <c r="P19" s="4"/>
      <c r="Q19" s="4"/>
      <c r="R19" s="4"/>
    </row>
    <row r="20" spans="2:18" s="3" customFormat="1" ht="15.95" customHeight="1" x14ac:dyDescent="0.15">
      <c r="B20" s="121"/>
      <c r="C20" s="122"/>
      <c r="D20" s="123"/>
      <c r="E20" s="112" t="s">
        <v>59</v>
      </c>
      <c r="F20" s="113"/>
      <c r="G20" s="148"/>
      <c r="H20" s="149"/>
      <c r="I20" s="149"/>
      <c r="J20" s="149"/>
      <c r="K20" s="149"/>
      <c r="L20" s="150"/>
      <c r="M20" s="4"/>
      <c r="Q20" s="4"/>
      <c r="R20" s="4"/>
    </row>
    <row r="21" spans="2:18" s="3" customFormat="1" ht="15.95" customHeight="1" x14ac:dyDescent="0.15">
      <c r="B21" s="121"/>
      <c r="C21" s="122"/>
      <c r="D21" s="123"/>
      <c r="E21" s="112" t="s">
        <v>49</v>
      </c>
      <c r="F21" s="113"/>
      <c r="G21" s="148"/>
      <c r="H21" s="149"/>
      <c r="I21" s="149"/>
      <c r="J21" s="149"/>
      <c r="K21" s="149"/>
      <c r="L21" s="150"/>
      <c r="M21" s="4"/>
      <c r="N21" s="4"/>
      <c r="P21" s="4"/>
      <c r="Q21" s="4"/>
      <c r="R21" s="4"/>
    </row>
    <row r="22" spans="2:18" s="3" customFormat="1" ht="15.95" customHeight="1" x14ac:dyDescent="0.15">
      <c r="B22" s="121"/>
      <c r="C22" s="122"/>
      <c r="D22" s="123"/>
      <c r="E22" s="112" t="s">
        <v>42</v>
      </c>
      <c r="F22" s="113"/>
      <c r="G22" s="148"/>
      <c r="H22" s="149"/>
      <c r="I22" s="149"/>
      <c r="J22" s="149"/>
      <c r="K22" s="149"/>
      <c r="L22" s="150"/>
      <c r="M22" s="4"/>
      <c r="N22" s="4"/>
      <c r="Q22" s="4"/>
    </row>
    <row r="23" spans="2:18" s="3" customFormat="1" ht="15.95" customHeight="1" x14ac:dyDescent="0.15">
      <c r="B23" s="121"/>
      <c r="C23" s="122"/>
      <c r="D23" s="123"/>
      <c r="E23" s="112" t="s">
        <v>43</v>
      </c>
      <c r="F23" s="113"/>
      <c r="G23" s="148"/>
      <c r="H23" s="149"/>
      <c r="I23" s="149"/>
      <c r="J23" s="149"/>
      <c r="K23" s="149"/>
      <c r="L23" s="150"/>
      <c r="M23" s="4"/>
      <c r="N23" s="4"/>
      <c r="Q23" s="4"/>
    </row>
    <row r="24" spans="2:18" s="3" customFormat="1" ht="15.95" customHeight="1" x14ac:dyDescent="0.15">
      <c r="B24" s="121"/>
      <c r="C24" s="122"/>
      <c r="D24" s="123"/>
      <c r="E24" s="112" t="s">
        <v>71</v>
      </c>
      <c r="F24" s="113"/>
      <c r="G24" s="148"/>
      <c r="H24" s="149"/>
      <c r="I24" s="149"/>
      <c r="J24" s="149"/>
      <c r="K24" s="149"/>
      <c r="L24" s="150"/>
      <c r="M24" s="4"/>
      <c r="N24" s="4"/>
    </row>
    <row r="25" spans="2:18" s="3" customFormat="1" ht="15.95" customHeight="1" x14ac:dyDescent="0.15">
      <c r="B25" s="121"/>
      <c r="C25" s="122"/>
      <c r="D25" s="123"/>
      <c r="E25" s="112" t="s">
        <v>44</v>
      </c>
      <c r="F25" s="113"/>
      <c r="G25" s="148"/>
      <c r="H25" s="149"/>
      <c r="I25" s="149"/>
      <c r="J25" s="149"/>
      <c r="K25" s="149"/>
      <c r="L25" s="150"/>
      <c r="M25" s="4"/>
      <c r="N25" s="4"/>
    </row>
    <row r="26" spans="2:18" s="3" customFormat="1" ht="15.95" customHeight="1" x14ac:dyDescent="0.15">
      <c r="B26" s="121"/>
      <c r="C26" s="122"/>
      <c r="D26" s="123"/>
      <c r="E26" s="112" t="s">
        <v>45</v>
      </c>
      <c r="F26" s="113"/>
      <c r="G26" s="148"/>
      <c r="H26" s="149"/>
      <c r="I26" s="149"/>
      <c r="J26" s="149"/>
      <c r="K26" s="149"/>
      <c r="L26" s="150"/>
      <c r="M26" s="4"/>
      <c r="N26" s="4"/>
      <c r="P26" s="2"/>
    </row>
    <row r="27" spans="2:18" s="3" customFormat="1" ht="15.95" customHeight="1" x14ac:dyDescent="0.15">
      <c r="B27" s="121"/>
      <c r="C27" s="122"/>
      <c r="D27" s="123"/>
      <c r="E27" s="112" t="s">
        <v>46</v>
      </c>
      <c r="F27" s="113"/>
      <c r="G27" s="148"/>
      <c r="H27" s="149"/>
      <c r="I27" s="149"/>
      <c r="J27" s="149"/>
      <c r="K27" s="149"/>
      <c r="L27" s="150"/>
      <c r="M27" s="4"/>
      <c r="N27" s="4"/>
    </row>
    <row r="28" spans="2:18" s="3" customFormat="1" ht="15.95" customHeight="1" x14ac:dyDescent="0.15">
      <c r="B28" s="121"/>
      <c r="C28" s="122"/>
      <c r="D28" s="123"/>
      <c r="E28" s="112" t="s">
        <v>67</v>
      </c>
      <c r="F28" s="113"/>
      <c r="G28" s="148"/>
      <c r="H28" s="149"/>
      <c r="I28" s="149"/>
      <c r="J28" s="149"/>
      <c r="K28" s="149"/>
      <c r="L28" s="150"/>
      <c r="M28" s="4"/>
      <c r="N28" s="4"/>
    </row>
    <row r="29" spans="2:18" s="3" customFormat="1" ht="15.95" customHeight="1" x14ac:dyDescent="0.15">
      <c r="B29" s="121"/>
      <c r="C29" s="122"/>
      <c r="D29" s="123"/>
      <c r="E29" s="112" t="s">
        <v>72</v>
      </c>
      <c r="F29" s="113"/>
      <c r="G29" s="148"/>
      <c r="H29" s="149"/>
      <c r="I29" s="149"/>
      <c r="J29" s="149"/>
      <c r="K29" s="149"/>
      <c r="L29" s="150"/>
      <c r="M29" s="4"/>
      <c r="N29" s="4"/>
    </row>
    <row r="30" spans="2:18" s="3" customFormat="1" ht="15.95" customHeight="1" x14ac:dyDescent="0.15">
      <c r="B30" s="121"/>
      <c r="C30" s="122"/>
      <c r="D30" s="123"/>
      <c r="E30" s="112" t="s">
        <v>91</v>
      </c>
      <c r="F30" s="113"/>
      <c r="G30" s="148"/>
      <c r="H30" s="149"/>
      <c r="I30" s="149"/>
      <c r="J30" s="149"/>
      <c r="K30" s="149"/>
      <c r="L30" s="150"/>
      <c r="M30" s="4"/>
      <c r="N30" s="4"/>
    </row>
    <row r="31" spans="2:18" s="3" customFormat="1" ht="15.95" customHeight="1" x14ac:dyDescent="0.15">
      <c r="B31" s="121"/>
      <c r="C31" s="122"/>
      <c r="D31" s="123"/>
      <c r="E31" s="112" t="s">
        <v>47</v>
      </c>
      <c r="F31" s="113"/>
      <c r="G31" s="148"/>
      <c r="H31" s="149"/>
      <c r="I31" s="149"/>
      <c r="J31" s="149"/>
      <c r="K31" s="149"/>
      <c r="L31" s="150"/>
      <c r="M31" s="4"/>
      <c r="N31" s="4"/>
    </row>
    <row r="32" spans="2:18" s="3" customFormat="1" ht="15.95" customHeight="1" x14ac:dyDescent="0.15">
      <c r="B32" s="121"/>
      <c r="C32" s="122"/>
      <c r="D32" s="123"/>
      <c r="E32" s="112" t="s">
        <v>61</v>
      </c>
      <c r="F32" s="113"/>
      <c r="G32" s="148"/>
      <c r="H32" s="149"/>
      <c r="I32" s="149"/>
      <c r="J32" s="149"/>
      <c r="K32" s="149"/>
      <c r="L32" s="150"/>
      <c r="M32" s="4"/>
      <c r="N32" s="4"/>
    </row>
    <row r="33" spans="1:14" s="3" customFormat="1" ht="15.95" customHeight="1" x14ac:dyDescent="0.15">
      <c r="B33" s="121"/>
      <c r="C33" s="122"/>
      <c r="D33" s="123"/>
      <c r="E33" s="112" t="s">
        <v>60</v>
      </c>
      <c r="F33" s="113"/>
      <c r="G33" s="148"/>
      <c r="H33" s="149"/>
      <c r="I33" s="149"/>
      <c r="J33" s="149"/>
      <c r="K33" s="149"/>
      <c r="L33" s="150"/>
      <c r="M33" s="4"/>
      <c r="N33" s="4"/>
    </row>
    <row r="34" spans="1:14" s="3" customFormat="1" ht="15.95" customHeight="1" x14ac:dyDescent="0.15">
      <c r="B34" s="121"/>
      <c r="C34" s="122"/>
      <c r="D34" s="123"/>
      <c r="E34" s="112" t="s">
        <v>27</v>
      </c>
      <c r="F34" s="113"/>
      <c r="G34" s="148"/>
      <c r="H34" s="149"/>
      <c r="I34" s="149"/>
      <c r="J34" s="149"/>
      <c r="K34" s="149"/>
      <c r="L34" s="150"/>
      <c r="M34" s="4"/>
      <c r="N34" s="4"/>
    </row>
    <row r="35" spans="1:14" s="3" customFormat="1" ht="15.95" customHeight="1" x14ac:dyDescent="0.15">
      <c r="B35" s="121"/>
      <c r="C35" s="122"/>
      <c r="D35" s="123"/>
      <c r="E35" s="112" t="s">
        <v>18</v>
      </c>
      <c r="F35" s="113"/>
      <c r="G35" s="148"/>
      <c r="H35" s="149"/>
      <c r="I35" s="149"/>
      <c r="J35" s="149"/>
      <c r="K35" s="149"/>
      <c r="L35" s="150"/>
      <c r="M35" s="4"/>
      <c r="N35" s="4"/>
    </row>
    <row r="36" spans="1:14" s="3" customFormat="1" ht="15.95" customHeight="1" thickBot="1" x14ac:dyDescent="0.2">
      <c r="B36" s="124"/>
      <c r="C36" s="125"/>
      <c r="D36" s="126"/>
      <c r="E36" s="116" t="s">
        <v>73</v>
      </c>
      <c r="F36" s="117"/>
      <c r="G36" s="151"/>
      <c r="H36" s="152"/>
      <c r="I36" s="152"/>
      <c r="J36" s="152"/>
      <c r="K36" s="152"/>
      <c r="L36" s="153"/>
      <c r="M36" s="4"/>
      <c r="N36" s="4"/>
    </row>
    <row r="37" spans="1:14" s="3" customFormat="1" ht="15.95" customHeight="1" x14ac:dyDescent="0.15">
      <c r="B37" s="4"/>
      <c r="C37" s="4"/>
      <c r="D37" s="4"/>
      <c r="E37" s="4"/>
      <c r="F37" s="6"/>
      <c r="G37" s="6"/>
      <c r="H37" s="6"/>
      <c r="I37" s="6"/>
      <c r="J37" s="60"/>
      <c r="K37" s="60"/>
      <c r="L37" s="60"/>
      <c r="N37" s="4"/>
    </row>
    <row r="38" spans="1:14" s="3" customFormat="1" ht="15.95" customHeight="1" thickBot="1" x14ac:dyDescent="0.2">
      <c r="A38" s="7" t="s">
        <v>56</v>
      </c>
      <c r="B38" s="2" t="s">
        <v>79</v>
      </c>
      <c r="C38" s="2"/>
      <c r="D38" s="2"/>
      <c r="E38" s="2"/>
      <c r="F38" s="4"/>
      <c r="G38" s="4"/>
      <c r="H38" s="4"/>
      <c r="I38" s="4"/>
      <c r="J38" s="4"/>
      <c r="K38" s="4"/>
      <c r="L38" s="4"/>
      <c r="N38" s="4"/>
    </row>
    <row r="39" spans="1:14" s="3" customFormat="1" ht="15.95" customHeight="1" thickBot="1" x14ac:dyDescent="0.2">
      <c r="B39" s="53" t="s">
        <v>80</v>
      </c>
      <c r="C39" s="50"/>
      <c r="D39" s="50"/>
      <c r="E39" s="101" t="s">
        <v>26</v>
      </c>
      <c r="F39" s="106"/>
      <c r="G39" s="109"/>
      <c r="H39" s="110"/>
      <c r="I39" s="89"/>
      <c r="J39" s="5" t="s">
        <v>108</v>
      </c>
      <c r="K39" s="4"/>
      <c r="L39" s="60"/>
      <c r="M39" s="60"/>
      <c r="N39" s="4"/>
    </row>
    <row r="40" spans="1:14" s="3" customFormat="1" ht="15.95" customHeight="1" x14ac:dyDescent="0.15">
      <c r="N40" s="4"/>
    </row>
    <row r="41" spans="1:14" s="3" customFormat="1" ht="15.95" customHeight="1" thickBot="1" x14ac:dyDescent="0.2">
      <c r="A41" s="2" t="s">
        <v>57</v>
      </c>
      <c r="B41" s="7" t="s">
        <v>32</v>
      </c>
      <c r="C41" s="7"/>
      <c r="D41" s="7"/>
      <c r="E41" s="7"/>
      <c r="F41" s="4"/>
      <c r="G41" s="4"/>
      <c r="N41" s="4"/>
    </row>
    <row r="42" spans="1:14" s="3" customFormat="1" ht="15.95" customHeight="1" thickBot="1" x14ac:dyDescent="0.2">
      <c r="B42" s="8" t="s">
        <v>85</v>
      </c>
      <c r="C42" s="45"/>
      <c r="D42" s="45"/>
      <c r="E42" s="101" t="s">
        <v>34</v>
      </c>
      <c r="F42" s="106"/>
      <c r="G42" s="109">
        <v>1</v>
      </c>
      <c r="H42" s="111"/>
      <c r="I42" s="89"/>
      <c r="J42" s="42">
        <v>2</v>
      </c>
      <c r="K42" s="4"/>
      <c r="L42" s="60"/>
    </row>
    <row r="43" spans="1:14" s="3" customFormat="1" ht="15.95" customHeight="1" thickBot="1" x14ac:dyDescent="0.2">
      <c r="B43" s="6"/>
      <c r="C43" s="6"/>
      <c r="D43" s="6"/>
      <c r="E43" s="6"/>
      <c r="F43" s="6"/>
      <c r="G43" s="4"/>
      <c r="L43" s="4"/>
    </row>
    <row r="44" spans="1:14" s="3" customFormat="1" ht="15.95" customHeight="1" thickBot="1" x14ac:dyDescent="0.2">
      <c r="B44" s="7" t="s">
        <v>86</v>
      </c>
      <c r="C44" s="7"/>
      <c r="D44" s="7"/>
      <c r="E44" s="7"/>
      <c r="F44" s="53" t="s">
        <v>54</v>
      </c>
      <c r="G44" s="105" t="s">
        <v>34</v>
      </c>
      <c r="H44" s="102"/>
      <c r="I44" s="102"/>
      <c r="J44" s="103"/>
      <c r="K44" s="4"/>
    </row>
    <row r="45" spans="1:14" s="3" customFormat="1" ht="15.95" customHeight="1" thickBot="1" x14ac:dyDescent="0.2">
      <c r="B45" s="63" t="s">
        <v>63</v>
      </c>
      <c r="C45" s="64">
        <v>2</v>
      </c>
      <c r="D45" s="65">
        <v>3</v>
      </c>
      <c r="E45" s="90"/>
      <c r="F45" s="10">
        <v>1</v>
      </c>
      <c r="G45" s="89"/>
      <c r="H45" s="101">
        <v>2</v>
      </c>
      <c r="I45" s="102"/>
      <c r="J45" s="103"/>
      <c r="K45" s="4"/>
      <c r="L45" s="60"/>
    </row>
    <row r="46" spans="1:14" s="3" customFormat="1" ht="15.95" customHeight="1" x14ac:dyDescent="0.15">
      <c r="B46" s="35"/>
      <c r="C46" s="35"/>
      <c r="D46" s="35"/>
      <c r="E46" s="35"/>
      <c r="F46" s="4"/>
      <c r="G46" s="4"/>
      <c r="L46" s="60"/>
    </row>
    <row r="47" spans="1:14" s="3" customFormat="1" ht="15.95" customHeight="1" thickBot="1" x14ac:dyDescent="0.2">
      <c r="A47" s="2" t="s">
        <v>95</v>
      </c>
      <c r="B47" s="2" t="s">
        <v>55</v>
      </c>
      <c r="C47" s="2"/>
      <c r="D47" s="2"/>
      <c r="E47" s="2"/>
      <c r="F47" s="6"/>
      <c r="G47" s="4"/>
      <c r="L47" s="60"/>
    </row>
    <row r="48" spans="1:14" s="3" customFormat="1" ht="15.95" customHeight="1" thickBot="1" x14ac:dyDescent="0.2">
      <c r="B48" s="105" t="s">
        <v>97</v>
      </c>
      <c r="C48" s="106"/>
      <c r="D48" s="66">
        <v>4</v>
      </c>
      <c r="E48" s="91"/>
      <c r="F48" s="50">
        <v>2</v>
      </c>
      <c r="G48" s="51"/>
      <c r="H48" s="4"/>
      <c r="I48" s="4"/>
      <c r="L48" s="60"/>
      <c r="N48" s="4"/>
    </row>
    <row r="49" spans="14:23" s="3" customFormat="1" ht="15" customHeight="1" x14ac:dyDescent="0.15">
      <c r="N49" s="4"/>
    </row>
    <row r="53" spans="14:23" x14ac:dyDescent="0.15">
      <c r="W53" s="3"/>
    </row>
    <row r="54" spans="14:23" x14ac:dyDescent="0.15">
      <c r="W54" s="3"/>
    </row>
    <row r="55" spans="14:23" x14ac:dyDescent="0.15">
      <c r="W55" s="2"/>
    </row>
    <row r="56" spans="14:23" x14ac:dyDescent="0.15">
      <c r="R56" s="3"/>
      <c r="S56" s="3"/>
      <c r="T56" s="3"/>
      <c r="U56" s="3"/>
      <c r="V56" s="3"/>
      <c r="W56" s="3"/>
    </row>
    <row r="57" spans="14:23" x14ac:dyDescent="0.15">
      <c r="V57" s="3"/>
      <c r="W57" s="3"/>
    </row>
    <row r="58" spans="14:23" x14ac:dyDescent="0.15">
      <c r="V58" s="3"/>
      <c r="W58" s="3"/>
    </row>
    <row r="59" spans="14:23" x14ac:dyDescent="0.15">
      <c r="V59" s="3"/>
      <c r="W59" s="2"/>
    </row>
  </sheetData>
  <mergeCells count="42">
    <mergeCell ref="G6:L36"/>
    <mergeCell ref="E36:F36"/>
    <mergeCell ref="E39:F39"/>
    <mergeCell ref="E42:F42"/>
    <mergeCell ref="B8:D36"/>
    <mergeCell ref="E30:F30"/>
    <mergeCell ref="E31:F31"/>
    <mergeCell ref="E32:F32"/>
    <mergeCell ref="E33:F33"/>
    <mergeCell ref="E34:F34"/>
    <mergeCell ref="B48:C48"/>
    <mergeCell ref="E8:F8"/>
    <mergeCell ref="E9:F9"/>
    <mergeCell ref="E10:F10"/>
    <mergeCell ref="E11:F11"/>
    <mergeCell ref="E12:F12"/>
    <mergeCell ref="E13:F13"/>
    <mergeCell ref="E14:F14"/>
    <mergeCell ref="E15:F15"/>
    <mergeCell ref="E16:F16"/>
    <mergeCell ref="E17:F17"/>
    <mergeCell ref="E18:F18"/>
    <mergeCell ref="E19:F19"/>
    <mergeCell ref="E20:F20"/>
    <mergeCell ref="E21:F21"/>
    <mergeCell ref="E22:F22"/>
    <mergeCell ref="H45:J45"/>
    <mergeCell ref="A1:L1"/>
    <mergeCell ref="B6:F6"/>
    <mergeCell ref="B7:F7"/>
    <mergeCell ref="G5:H5"/>
    <mergeCell ref="G39:H39"/>
    <mergeCell ref="G44:J44"/>
    <mergeCell ref="G42:H42"/>
    <mergeCell ref="E23:F23"/>
    <mergeCell ref="E24:F24"/>
    <mergeCell ref="E25:F25"/>
    <mergeCell ref="E26:F26"/>
    <mergeCell ref="E27:F27"/>
    <mergeCell ref="E28:F28"/>
    <mergeCell ref="E29:F29"/>
    <mergeCell ref="E35:F35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70"/>
  <sheetViews>
    <sheetView workbookViewId="0">
      <selection activeCell="E80" sqref="E80"/>
    </sheetView>
  </sheetViews>
  <sheetFormatPr defaultRowHeight="13.5" x14ac:dyDescent="0.15"/>
  <cols>
    <col min="1" max="1" width="18.25" customWidth="1"/>
    <col min="2" max="2" width="16.125" customWidth="1"/>
    <col min="3" max="3" width="4.5" customWidth="1"/>
    <col min="4" max="4" width="4.125" customWidth="1"/>
    <col min="5" max="5" width="3.125" bestFit="1" customWidth="1"/>
    <col min="6" max="6" width="13.375" bestFit="1" customWidth="1"/>
    <col min="7" max="7" width="3.125" bestFit="1" customWidth="1"/>
    <col min="8" max="8" width="21.375" bestFit="1" customWidth="1"/>
  </cols>
  <sheetData>
    <row r="1" spans="1:8" ht="17.25" customHeight="1" x14ac:dyDescent="0.15">
      <c r="A1" s="131" t="s">
        <v>107</v>
      </c>
      <c r="B1" s="131"/>
      <c r="C1" s="131"/>
      <c r="D1" s="131"/>
      <c r="E1" s="131"/>
      <c r="F1" s="131"/>
      <c r="G1" s="131"/>
      <c r="H1" s="131"/>
    </row>
    <row r="2" spans="1:8" ht="17.25" customHeight="1" x14ac:dyDescent="0.15">
      <c r="A2" s="131" t="s">
        <v>101</v>
      </c>
      <c r="B2" s="131"/>
      <c r="C2" s="131"/>
      <c r="D2" s="131"/>
      <c r="E2" s="131"/>
      <c r="F2" s="131"/>
      <c r="G2" s="131"/>
      <c r="H2" s="131"/>
    </row>
    <row r="3" spans="1:8" ht="11.25" customHeight="1" x14ac:dyDescent="0.15">
      <c r="A3" s="34"/>
      <c r="B3" s="1"/>
      <c r="C3" s="1"/>
      <c r="D3" s="1"/>
      <c r="E3" s="1"/>
      <c r="F3" s="1"/>
      <c r="G3" s="1"/>
      <c r="H3" s="1"/>
    </row>
    <row r="4" spans="1:8" s="3" customFormat="1" ht="18" customHeight="1" thickBot="1" x14ac:dyDescent="0.2">
      <c r="A4" s="26" t="s">
        <v>50</v>
      </c>
      <c r="F4" s="3" t="s">
        <v>104</v>
      </c>
      <c r="H4" s="38"/>
    </row>
    <row r="5" spans="1:8" s="3" customFormat="1" ht="12" customHeight="1" thickBot="1" x14ac:dyDescent="0.2">
      <c r="A5" s="9"/>
      <c r="B5" s="10" t="s">
        <v>0</v>
      </c>
      <c r="C5" s="101" t="s">
        <v>94</v>
      </c>
      <c r="D5" s="102"/>
      <c r="E5" s="89" t="s">
        <v>100</v>
      </c>
      <c r="F5" s="50" t="s">
        <v>31</v>
      </c>
      <c r="G5" s="89" t="s">
        <v>100</v>
      </c>
      <c r="H5" s="11" t="s">
        <v>33</v>
      </c>
    </row>
    <row r="6" spans="1:8" s="3" customFormat="1" ht="12" customHeight="1" thickBot="1" x14ac:dyDescent="0.2">
      <c r="A6" s="40" t="s">
        <v>1</v>
      </c>
      <c r="B6" s="32" t="s">
        <v>10</v>
      </c>
      <c r="C6" s="67">
        <v>1</v>
      </c>
      <c r="D6" s="67">
        <v>2</v>
      </c>
      <c r="E6" s="92"/>
      <c r="F6" s="49">
        <v>1</v>
      </c>
      <c r="G6" s="98"/>
      <c r="H6" s="16">
        <v>1</v>
      </c>
    </row>
    <row r="7" spans="1:8" s="3" customFormat="1" ht="12" customHeight="1" thickBot="1" x14ac:dyDescent="0.2">
      <c r="A7" s="55" t="s">
        <v>77</v>
      </c>
      <c r="B7" s="18" t="s">
        <v>10</v>
      </c>
      <c r="C7" s="68">
        <v>3</v>
      </c>
      <c r="D7" s="68">
        <v>4</v>
      </c>
      <c r="E7" s="93"/>
      <c r="F7" s="56">
        <v>1</v>
      </c>
      <c r="G7" s="93"/>
      <c r="H7" s="41">
        <v>1</v>
      </c>
    </row>
    <row r="8" spans="1:8" s="3" customFormat="1" ht="12" customHeight="1" x14ac:dyDescent="0.15">
      <c r="A8" s="136" t="s">
        <v>92</v>
      </c>
      <c r="B8" s="18" t="s">
        <v>6</v>
      </c>
      <c r="C8" s="68">
        <v>5</v>
      </c>
      <c r="D8" s="68">
        <v>6</v>
      </c>
      <c r="E8" s="94"/>
      <c r="F8" s="56">
        <v>1</v>
      </c>
      <c r="G8" s="94"/>
      <c r="H8" s="41">
        <v>1</v>
      </c>
    </row>
    <row r="9" spans="1:8" s="3" customFormat="1" ht="12" customHeight="1" thickBot="1" x14ac:dyDescent="0.2">
      <c r="A9" s="140"/>
      <c r="B9" s="23" t="s">
        <v>8</v>
      </c>
      <c r="C9" s="129">
        <v>7</v>
      </c>
      <c r="D9" s="130"/>
      <c r="E9" s="95"/>
      <c r="F9" s="142">
        <v>1</v>
      </c>
      <c r="G9" s="143"/>
      <c r="H9" s="144"/>
    </row>
    <row r="10" spans="1:8" s="3" customFormat="1" ht="12" customHeight="1" x14ac:dyDescent="0.15">
      <c r="A10" s="136" t="s">
        <v>21</v>
      </c>
      <c r="B10" s="12" t="s">
        <v>10</v>
      </c>
      <c r="C10" s="71">
        <v>8</v>
      </c>
      <c r="D10" s="71">
        <v>9</v>
      </c>
      <c r="E10" s="94"/>
      <c r="F10" s="36">
        <v>3</v>
      </c>
      <c r="G10" s="94"/>
      <c r="H10" s="14">
        <v>1</v>
      </c>
    </row>
    <row r="11" spans="1:8" s="3" customFormat="1" ht="12" customHeight="1" x14ac:dyDescent="0.15">
      <c r="A11" s="137"/>
      <c r="B11" s="15" t="s">
        <v>9</v>
      </c>
      <c r="C11" s="72">
        <v>10</v>
      </c>
      <c r="D11" s="72">
        <v>11</v>
      </c>
      <c r="E11" s="96"/>
      <c r="F11" s="37">
        <v>2</v>
      </c>
      <c r="G11" s="96"/>
      <c r="H11" s="20">
        <v>1</v>
      </c>
    </row>
    <row r="12" spans="1:8" s="3" customFormat="1" ht="12" customHeight="1" thickBot="1" x14ac:dyDescent="0.2">
      <c r="A12" s="140"/>
      <c r="B12" s="23" t="s">
        <v>7</v>
      </c>
      <c r="C12" s="69">
        <v>12</v>
      </c>
      <c r="D12" s="69">
        <v>13</v>
      </c>
      <c r="E12" s="95"/>
      <c r="F12" s="59">
        <v>1</v>
      </c>
      <c r="G12" s="95"/>
      <c r="H12" s="17">
        <v>1</v>
      </c>
    </row>
    <row r="13" spans="1:8" s="3" customFormat="1" ht="12" customHeight="1" x14ac:dyDescent="0.15">
      <c r="A13" s="136" t="s">
        <v>11</v>
      </c>
      <c r="B13" s="12" t="s">
        <v>10</v>
      </c>
      <c r="C13" s="73">
        <v>14</v>
      </c>
      <c r="D13" s="71">
        <v>15</v>
      </c>
      <c r="E13" s="94"/>
      <c r="F13" s="36">
        <v>2</v>
      </c>
      <c r="G13" s="94"/>
      <c r="H13" s="14">
        <v>1</v>
      </c>
    </row>
    <row r="14" spans="1:8" s="3" customFormat="1" ht="12" customHeight="1" x14ac:dyDescent="0.15">
      <c r="A14" s="137"/>
      <c r="B14" s="15" t="s">
        <v>9</v>
      </c>
      <c r="C14" s="74">
        <v>16</v>
      </c>
      <c r="D14" s="72">
        <v>17</v>
      </c>
      <c r="E14" s="96"/>
      <c r="F14" s="37">
        <v>2</v>
      </c>
      <c r="G14" s="96"/>
      <c r="H14" s="20">
        <v>1</v>
      </c>
    </row>
    <row r="15" spans="1:8" s="3" customFormat="1" ht="12" customHeight="1" x14ac:dyDescent="0.15">
      <c r="A15" s="137"/>
      <c r="B15" s="15" t="s">
        <v>7</v>
      </c>
      <c r="C15" s="74">
        <v>18</v>
      </c>
      <c r="D15" s="72">
        <v>19</v>
      </c>
      <c r="E15" s="96"/>
      <c r="F15" s="37">
        <v>1</v>
      </c>
      <c r="G15" s="96"/>
      <c r="H15" s="20">
        <v>1</v>
      </c>
    </row>
    <row r="16" spans="1:8" s="3" customFormat="1" ht="12" customHeight="1" thickBot="1" x14ac:dyDescent="0.2">
      <c r="A16" s="140"/>
      <c r="B16" s="23" t="s">
        <v>74</v>
      </c>
      <c r="C16" s="70">
        <v>20</v>
      </c>
      <c r="D16" s="69">
        <v>21</v>
      </c>
      <c r="E16" s="95"/>
      <c r="F16" s="59">
        <v>5</v>
      </c>
      <c r="G16" s="95"/>
      <c r="H16" s="17">
        <v>1</v>
      </c>
    </row>
    <row r="17" spans="1:8" s="3" customFormat="1" ht="12" customHeight="1" thickBot="1" x14ac:dyDescent="0.2">
      <c r="A17" s="127" t="s">
        <v>18</v>
      </c>
      <c r="B17" s="128"/>
      <c r="C17" s="75">
        <v>22</v>
      </c>
      <c r="D17" s="76">
        <v>23</v>
      </c>
      <c r="E17" s="97"/>
      <c r="F17" s="54">
        <v>4</v>
      </c>
      <c r="G17" s="97"/>
      <c r="H17" s="24">
        <v>1</v>
      </c>
    </row>
    <row r="18" spans="1:8" s="3" customFormat="1" ht="10.5" customHeight="1" x14ac:dyDescent="0.15">
      <c r="A18" s="25"/>
      <c r="B18" s="25"/>
      <c r="C18" s="25"/>
      <c r="D18" s="25"/>
      <c r="E18" s="25"/>
      <c r="F18" s="22"/>
      <c r="G18" s="22"/>
      <c r="H18" s="22"/>
    </row>
    <row r="19" spans="1:8" s="3" customFormat="1" ht="12" customHeight="1" thickBot="1" x14ac:dyDescent="0.2">
      <c r="A19" s="26" t="s">
        <v>51</v>
      </c>
      <c r="B19" s="22"/>
      <c r="C19" s="22"/>
      <c r="D19" s="22"/>
      <c r="E19" s="22"/>
      <c r="F19" s="22"/>
      <c r="G19" s="22"/>
      <c r="H19" s="22"/>
    </row>
    <row r="20" spans="1:8" s="3" customFormat="1" ht="12" customHeight="1" thickBot="1" x14ac:dyDescent="0.2">
      <c r="A20" s="27"/>
      <c r="B20" s="28" t="s">
        <v>0</v>
      </c>
      <c r="C20" s="141" t="s">
        <v>94</v>
      </c>
      <c r="D20" s="132"/>
      <c r="E20" s="97" t="s">
        <v>100</v>
      </c>
      <c r="F20" s="57" t="s">
        <v>52</v>
      </c>
      <c r="G20" s="97" t="s">
        <v>100</v>
      </c>
      <c r="H20" s="24" t="s">
        <v>53</v>
      </c>
    </row>
    <row r="21" spans="1:8" s="3" customFormat="1" ht="12" customHeight="1" thickBot="1" x14ac:dyDescent="0.2">
      <c r="A21" s="29" t="s">
        <v>1</v>
      </c>
      <c r="B21" s="28"/>
      <c r="C21" s="77">
        <v>24</v>
      </c>
      <c r="D21" s="76">
        <v>25</v>
      </c>
      <c r="E21" s="97"/>
      <c r="F21" s="57">
        <v>8</v>
      </c>
      <c r="G21" s="97"/>
      <c r="H21" s="24">
        <v>1</v>
      </c>
    </row>
    <row r="22" spans="1:8" s="3" customFormat="1" ht="12" customHeight="1" x14ac:dyDescent="0.15">
      <c r="A22" s="136" t="s">
        <v>78</v>
      </c>
      <c r="B22" s="12" t="s">
        <v>5</v>
      </c>
      <c r="C22" s="78">
        <v>26</v>
      </c>
      <c r="D22" s="71">
        <v>27</v>
      </c>
      <c r="E22" s="94"/>
      <c r="F22" s="13">
        <v>1</v>
      </c>
      <c r="G22" s="94"/>
      <c r="H22" s="14">
        <v>1</v>
      </c>
    </row>
    <row r="23" spans="1:8" s="3" customFormat="1" ht="12" customHeight="1" x14ac:dyDescent="0.15">
      <c r="A23" s="137"/>
      <c r="B23" s="30" t="s">
        <v>6</v>
      </c>
      <c r="C23" s="79">
        <v>28</v>
      </c>
      <c r="D23" s="80">
        <v>29</v>
      </c>
      <c r="E23" s="99"/>
      <c r="F23" s="47">
        <v>1</v>
      </c>
      <c r="G23" s="99"/>
      <c r="H23" s="31">
        <v>1</v>
      </c>
    </row>
    <row r="24" spans="1:8" s="3" customFormat="1" ht="12" customHeight="1" x14ac:dyDescent="0.15">
      <c r="A24" s="137"/>
      <c r="B24" s="15" t="s">
        <v>8</v>
      </c>
      <c r="C24" s="81">
        <v>30</v>
      </c>
      <c r="D24" s="72">
        <v>31</v>
      </c>
      <c r="E24" s="96"/>
      <c r="F24" s="19">
        <v>1</v>
      </c>
      <c r="G24" s="96"/>
      <c r="H24" s="20">
        <v>1</v>
      </c>
    </row>
    <row r="25" spans="1:8" s="3" customFormat="1" ht="12" customHeight="1" thickBot="1" x14ac:dyDescent="0.2">
      <c r="A25" s="140"/>
      <c r="B25" s="23" t="s">
        <v>10</v>
      </c>
      <c r="C25" s="82">
        <v>32</v>
      </c>
      <c r="D25" s="69">
        <v>33</v>
      </c>
      <c r="E25" s="95"/>
      <c r="F25" s="58">
        <v>1</v>
      </c>
      <c r="G25" s="95"/>
      <c r="H25" s="17">
        <v>1</v>
      </c>
    </row>
    <row r="26" spans="1:8" s="3" customFormat="1" ht="12" customHeight="1" x14ac:dyDescent="0.15">
      <c r="A26" s="133" t="s">
        <v>21</v>
      </c>
      <c r="B26" s="12" t="s">
        <v>2</v>
      </c>
      <c r="C26" s="78">
        <v>34</v>
      </c>
      <c r="D26" s="71">
        <v>35</v>
      </c>
      <c r="E26" s="94"/>
      <c r="F26" s="13">
        <v>2</v>
      </c>
      <c r="G26" s="94"/>
      <c r="H26" s="14">
        <v>1</v>
      </c>
    </row>
    <row r="27" spans="1:8" s="3" customFormat="1" ht="12" customHeight="1" x14ac:dyDescent="0.15">
      <c r="A27" s="134"/>
      <c r="B27" s="15" t="s">
        <v>3</v>
      </c>
      <c r="C27" s="81">
        <v>36</v>
      </c>
      <c r="D27" s="72">
        <v>37</v>
      </c>
      <c r="E27" s="96"/>
      <c r="F27" s="19">
        <v>4</v>
      </c>
      <c r="G27" s="96"/>
      <c r="H27" s="20">
        <v>1</v>
      </c>
    </row>
    <row r="28" spans="1:8" s="3" customFormat="1" ht="12" customHeight="1" x14ac:dyDescent="0.15">
      <c r="A28" s="134"/>
      <c r="B28" s="15" t="s">
        <v>4</v>
      </c>
      <c r="C28" s="81">
        <v>38</v>
      </c>
      <c r="D28" s="72">
        <v>39</v>
      </c>
      <c r="E28" s="96"/>
      <c r="F28" s="19">
        <v>4</v>
      </c>
      <c r="G28" s="96"/>
      <c r="H28" s="20">
        <v>1</v>
      </c>
    </row>
    <row r="29" spans="1:8" s="3" customFormat="1" ht="12" customHeight="1" x14ac:dyDescent="0.15">
      <c r="A29" s="134"/>
      <c r="B29" s="15" t="s">
        <v>5</v>
      </c>
      <c r="C29" s="81">
        <v>40</v>
      </c>
      <c r="D29" s="72">
        <v>41</v>
      </c>
      <c r="E29" s="96"/>
      <c r="F29" s="19">
        <v>3</v>
      </c>
      <c r="G29" s="96"/>
      <c r="H29" s="20">
        <v>1</v>
      </c>
    </row>
    <row r="30" spans="1:8" s="3" customFormat="1" ht="12" customHeight="1" x14ac:dyDescent="0.15">
      <c r="A30" s="134"/>
      <c r="B30" s="15" t="s">
        <v>6</v>
      </c>
      <c r="C30" s="81">
        <v>42</v>
      </c>
      <c r="D30" s="72">
        <v>43</v>
      </c>
      <c r="E30" s="96"/>
      <c r="F30" s="19">
        <v>4</v>
      </c>
      <c r="G30" s="96"/>
      <c r="H30" s="20">
        <v>1</v>
      </c>
    </row>
    <row r="31" spans="1:8" s="3" customFormat="1" ht="12" customHeight="1" x14ac:dyDescent="0.15">
      <c r="A31" s="134"/>
      <c r="B31" s="15" t="s">
        <v>7</v>
      </c>
      <c r="C31" s="81">
        <v>44</v>
      </c>
      <c r="D31" s="72">
        <v>45</v>
      </c>
      <c r="E31" s="96"/>
      <c r="F31" s="19">
        <v>1</v>
      </c>
      <c r="G31" s="96"/>
      <c r="H31" s="20">
        <v>1</v>
      </c>
    </row>
    <row r="32" spans="1:8" s="3" customFormat="1" ht="12" customHeight="1" x14ac:dyDescent="0.15">
      <c r="A32" s="134"/>
      <c r="B32" s="15" t="s">
        <v>8</v>
      </c>
      <c r="C32" s="81">
        <v>46</v>
      </c>
      <c r="D32" s="72">
        <v>47</v>
      </c>
      <c r="E32" s="96"/>
      <c r="F32" s="19">
        <v>2</v>
      </c>
      <c r="G32" s="96"/>
      <c r="H32" s="20">
        <v>1</v>
      </c>
    </row>
    <row r="33" spans="1:8" s="3" customFormat="1" ht="12" customHeight="1" x14ac:dyDescent="0.15">
      <c r="A33" s="134"/>
      <c r="B33" s="15" t="s">
        <v>9</v>
      </c>
      <c r="C33" s="81">
        <v>48</v>
      </c>
      <c r="D33" s="72">
        <v>49</v>
      </c>
      <c r="E33" s="96"/>
      <c r="F33" s="19">
        <v>1</v>
      </c>
      <c r="G33" s="96"/>
      <c r="H33" s="20">
        <v>1</v>
      </c>
    </row>
    <row r="34" spans="1:8" s="3" customFormat="1" ht="12" customHeight="1" thickBot="1" x14ac:dyDescent="0.2">
      <c r="A34" s="135"/>
      <c r="B34" s="23" t="s">
        <v>10</v>
      </c>
      <c r="C34" s="82">
        <v>50</v>
      </c>
      <c r="D34" s="69">
        <v>51</v>
      </c>
      <c r="E34" s="95"/>
      <c r="F34" s="58">
        <v>3</v>
      </c>
      <c r="G34" s="95"/>
      <c r="H34" s="17">
        <v>1</v>
      </c>
    </row>
    <row r="35" spans="1:8" s="3" customFormat="1" ht="12" customHeight="1" x14ac:dyDescent="0.15">
      <c r="A35" s="136" t="s">
        <v>11</v>
      </c>
      <c r="B35" s="30" t="s">
        <v>2</v>
      </c>
      <c r="C35" s="79">
        <v>52</v>
      </c>
      <c r="D35" s="80">
        <v>53</v>
      </c>
      <c r="E35" s="99"/>
      <c r="F35" s="47">
        <v>1</v>
      </c>
      <c r="G35" s="99"/>
      <c r="H35" s="31">
        <v>1</v>
      </c>
    </row>
    <row r="36" spans="1:8" s="3" customFormat="1" ht="12" customHeight="1" x14ac:dyDescent="0.15">
      <c r="A36" s="137"/>
      <c r="B36" s="15" t="s">
        <v>12</v>
      </c>
      <c r="C36" s="81">
        <v>54</v>
      </c>
      <c r="D36" s="72">
        <v>55</v>
      </c>
      <c r="E36" s="96"/>
      <c r="F36" s="19">
        <v>1</v>
      </c>
      <c r="G36" s="96"/>
      <c r="H36" s="20">
        <v>1</v>
      </c>
    </row>
    <row r="37" spans="1:8" s="3" customFormat="1" ht="12" customHeight="1" x14ac:dyDescent="0.15">
      <c r="A37" s="137"/>
      <c r="B37" s="15" t="s">
        <v>22</v>
      </c>
      <c r="C37" s="81">
        <v>56</v>
      </c>
      <c r="D37" s="72">
        <v>57</v>
      </c>
      <c r="E37" s="96"/>
      <c r="F37" s="19">
        <v>1</v>
      </c>
      <c r="G37" s="96"/>
      <c r="H37" s="20">
        <v>1</v>
      </c>
    </row>
    <row r="38" spans="1:8" s="3" customFormat="1" ht="12" customHeight="1" x14ac:dyDescent="0.15">
      <c r="A38" s="137"/>
      <c r="B38" s="15" t="s">
        <v>23</v>
      </c>
      <c r="C38" s="81">
        <v>58</v>
      </c>
      <c r="D38" s="72">
        <v>59</v>
      </c>
      <c r="E38" s="96"/>
      <c r="F38" s="19">
        <v>1</v>
      </c>
      <c r="G38" s="96"/>
      <c r="H38" s="20">
        <v>1</v>
      </c>
    </row>
    <row r="39" spans="1:8" s="3" customFormat="1" ht="12" customHeight="1" x14ac:dyDescent="0.15">
      <c r="A39" s="137"/>
      <c r="B39" s="15" t="s">
        <v>58</v>
      </c>
      <c r="C39" s="81">
        <v>60</v>
      </c>
      <c r="D39" s="72">
        <v>61</v>
      </c>
      <c r="E39" s="96"/>
      <c r="F39" s="19">
        <v>1</v>
      </c>
      <c r="G39" s="96"/>
      <c r="H39" s="20">
        <v>1</v>
      </c>
    </row>
    <row r="40" spans="1:8" s="3" customFormat="1" ht="12" customHeight="1" x14ac:dyDescent="0.15">
      <c r="A40" s="137"/>
      <c r="B40" s="15" t="s">
        <v>4</v>
      </c>
      <c r="C40" s="81">
        <v>62</v>
      </c>
      <c r="D40" s="72">
        <v>63</v>
      </c>
      <c r="E40" s="96"/>
      <c r="F40" s="19">
        <v>2</v>
      </c>
      <c r="G40" s="96"/>
      <c r="H40" s="20">
        <v>1</v>
      </c>
    </row>
    <row r="41" spans="1:8" s="3" customFormat="1" ht="12" customHeight="1" x14ac:dyDescent="0.15">
      <c r="A41" s="137"/>
      <c r="B41" s="15" t="s">
        <v>13</v>
      </c>
      <c r="C41" s="81">
        <v>64</v>
      </c>
      <c r="D41" s="72">
        <v>65</v>
      </c>
      <c r="E41" s="96"/>
      <c r="F41" s="19">
        <v>1</v>
      </c>
      <c r="G41" s="96"/>
      <c r="H41" s="20">
        <v>1</v>
      </c>
    </row>
    <row r="42" spans="1:8" s="3" customFormat="1" ht="12" customHeight="1" x14ac:dyDescent="0.15">
      <c r="A42" s="137"/>
      <c r="B42" s="15" t="s">
        <v>24</v>
      </c>
      <c r="C42" s="81">
        <v>66</v>
      </c>
      <c r="D42" s="72">
        <v>67</v>
      </c>
      <c r="E42" s="96"/>
      <c r="F42" s="19">
        <v>1</v>
      </c>
      <c r="G42" s="96"/>
      <c r="H42" s="20">
        <v>1</v>
      </c>
    </row>
    <row r="43" spans="1:8" s="3" customFormat="1" ht="12" customHeight="1" x14ac:dyDescent="0.15">
      <c r="A43" s="137"/>
      <c r="B43" s="15" t="s">
        <v>14</v>
      </c>
      <c r="C43" s="81">
        <v>68</v>
      </c>
      <c r="D43" s="72">
        <v>69</v>
      </c>
      <c r="E43" s="96"/>
      <c r="F43" s="19">
        <v>2</v>
      </c>
      <c r="G43" s="96"/>
      <c r="H43" s="20">
        <v>1</v>
      </c>
    </row>
    <row r="44" spans="1:8" s="3" customFormat="1" ht="12" customHeight="1" x14ac:dyDescent="0.15">
      <c r="A44" s="137"/>
      <c r="B44" s="15" t="s">
        <v>8</v>
      </c>
      <c r="C44" s="81">
        <v>70</v>
      </c>
      <c r="D44" s="72">
        <v>71</v>
      </c>
      <c r="E44" s="96"/>
      <c r="F44" s="19">
        <v>2</v>
      </c>
      <c r="G44" s="96"/>
      <c r="H44" s="20">
        <v>1</v>
      </c>
    </row>
    <row r="45" spans="1:8" s="3" customFormat="1" ht="12" customHeight="1" x14ac:dyDescent="0.15">
      <c r="A45" s="137"/>
      <c r="B45" s="15" t="s">
        <v>6</v>
      </c>
      <c r="C45" s="81">
        <v>72</v>
      </c>
      <c r="D45" s="72">
        <v>73</v>
      </c>
      <c r="E45" s="96"/>
      <c r="F45" s="19">
        <v>1</v>
      </c>
      <c r="G45" s="96"/>
      <c r="H45" s="20">
        <v>1</v>
      </c>
    </row>
    <row r="46" spans="1:8" s="3" customFormat="1" ht="12" customHeight="1" x14ac:dyDescent="0.15">
      <c r="A46" s="137"/>
      <c r="B46" s="15" t="s">
        <v>7</v>
      </c>
      <c r="C46" s="81">
        <v>74</v>
      </c>
      <c r="D46" s="72">
        <v>75</v>
      </c>
      <c r="E46" s="96"/>
      <c r="F46" s="19">
        <v>1</v>
      </c>
      <c r="G46" s="96"/>
      <c r="H46" s="20">
        <v>1</v>
      </c>
    </row>
    <row r="47" spans="1:8" s="3" customFormat="1" ht="12" customHeight="1" x14ac:dyDescent="0.15">
      <c r="A47" s="137"/>
      <c r="B47" s="15" t="s">
        <v>74</v>
      </c>
      <c r="C47" s="81">
        <v>76</v>
      </c>
      <c r="D47" s="72">
        <v>77</v>
      </c>
      <c r="E47" s="96"/>
      <c r="F47" s="19">
        <v>2</v>
      </c>
      <c r="G47" s="96"/>
      <c r="H47" s="20">
        <v>1</v>
      </c>
    </row>
    <row r="48" spans="1:8" s="3" customFormat="1" ht="12" customHeight="1" x14ac:dyDescent="0.15">
      <c r="A48" s="137"/>
      <c r="B48" s="15" t="s">
        <v>10</v>
      </c>
      <c r="C48" s="81">
        <v>78</v>
      </c>
      <c r="D48" s="72">
        <v>79</v>
      </c>
      <c r="E48" s="96"/>
      <c r="F48" s="19">
        <v>6</v>
      </c>
      <c r="G48" s="96"/>
      <c r="H48" s="20">
        <v>1</v>
      </c>
    </row>
    <row r="49" spans="1:8" s="3" customFormat="1" ht="12" customHeight="1" x14ac:dyDescent="0.15">
      <c r="A49" s="137"/>
      <c r="B49" s="15" t="s">
        <v>9</v>
      </c>
      <c r="C49" s="81">
        <v>80</v>
      </c>
      <c r="D49" s="72">
        <v>81</v>
      </c>
      <c r="E49" s="96"/>
      <c r="F49" s="19">
        <v>1</v>
      </c>
      <c r="G49" s="96"/>
      <c r="H49" s="20">
        <v>1</v>
      </c>
    </row>
    <row r="50" spans="1:8" s="3" customFormat="1" ht="12" customHeight="1" x14ac:dyDescent="0.15">
      <c r="A50" s="137"/>
      <c r="B50" s="15" t="s">
        <v>15</v>
      </c>
      <c r="C50" s="81">
        <v>82</v>
      </c>
      <c r="D50" s="72">
        <v>83</v>
      </c>
      <c r="E50" s="96"/>
      <c r="F50" s="19">
        <v>1</v>
      </c>
      <c r="G50" s="96"/>
      <c r="H50" s="20">
        <v>1</v>
      </c>
    </row>
    <row r="51" spans="1:8" s="3" customFormat="1" ht="12" customHeight="1" x14ac:dyDescent="0.15">
      <c r="A51" s="137"/>
      <c r="B51" s="15" t="s">
        <v>19</v>
      </c>
      <c r="C51" s="81">
        <v>84</v>
      </c>
      <c r="D51" s="72">
        <v>85</v>
      </c>
      <c r="E51" s="96"/>
      <c r="F51" s="19">
        <v>1</v>
      </c>
      <c r="G51" s="96"/>
      <c r="H51" s="20">
        <v>1</v>
      </c>
    </row>
    <row r="52" spans="1:8" s="3" customFormat="1" ht="12" customHeight="1" x14ac:dyDescent="0.15">
      <c r="A52" s="137"/>
      <c r="B52" s="15" t="s">
        <v>20</v>
      </c>
      <c r="C52" s="81">
        <v>86</v>
      </c>
      <c r="D52" s="72">
        <v>87</v>
      </c>
      <c r="E52" s="96"/>
      <c r="F52" s="19">
        <v>1</v>
      </c>
      <c r="G52" s="96"/>
      <c r="H52" s="20">
        <v>1</v>
      </c>
    </row>
    <row r="53" spans="1:8" s="3" customFormat="1" ht="12" customHeight="1" x14ac:dyDescent="0.15">
      <c r="A53" s="137"/>
      <c r="B53" s="15" t="s">
        <v>68</v>
      </c>
      <c r="C53" s="81">
        <v>88</v>
      </c>
      <c r="D53" s="72">
        <v>89</v>
      </c>
      <c r="E53" s="96"/>
      <c r="F53" s="19">
        <v>1</v>
      </c>
      <c r="G53" s="96"/>
      <c r="H53" s="20">
        <v>1</v>
      </c>
    </row>
    <row r="54" spans="1:8" s="3" customFormat="1" ht="12" customHeight="1" x14ac:dyDescent="0.15">
      <c r="A54" s="137"/>
      <c r="B54" s="15" t="s">
        <v>75</v>
      </c>
      <c r="C54" s="81">
        <v>90</v>
      </c>
      <c r="D54" s="72">
        <v>91</v>
      </c>
      <c r="E54" s="96"/>
      <c r="F54" s="19">
        <v>1</v>
      </c>
      <c r="G54" s="96"/>
      <c r="H54" s="20">
        <v>1</v>
      </c>
    </row>
    <row r="55" spans="1:8" s="3" customFormat="1" ht="12" customHeight="1" x14ac:dyDescent="0.15">
      <c r="A55" s="137"/>
      <c r="B55" s="15" t="s">
        <v>93</v>
      </c>
      <c r="C55" s="81">
        <v>92</v>
      </c>
      <c r="D55" s="72">
        <v>93</v>
      </c>
      <c r="E55" s="96"/>
      <c r="F55" s="19">
        <v>1</v>
      </c>
      <c r="G55" s="96"/>
      <c r="H55" s="20">
        <v>1</v>
      </c>
    </row>
    <row r="56" spans="1:8" s="3" customFormat="1" ht="12" customHeight="1" x14ac:dyDescent="0.15">
      <c r="A56" s="137"/>
      <c r="B56" s="15" t="s">
        <v>16</v>
      </c>
      <c r="C56" s="81">
        <v>94</v>
      </c>
      <c r="D56" s="72">
        <v>95</v>
      </c>
      <c r="E56" s="96"/>
      <c r="F56" s="19">
        <v>1</v>
      </c>
      <c r="G56" s="96"/>
      <c r="H56" s="20">
        <v>1</v>
      </c>
    </row>
    <row r="57" spans="1:8" s="3" customFormat="1" ht="12" customHeight="1" x14ac:dyDescent="0.15">
      <c r="A57" s="137"/>
      <c r="B57" s="21" t="s">
        <v>17</v>
      </c>
      <c r="C57" s="81">
        <v>96</v>
      </c>
      <c r="D57" s="72">
        <v>97</v>
      </c>
      <c r="E57" s="98"/>
      <c r="F57" s="48">
        <v>1</v>
      </c>
      <c r="G57" s="98"/>
      <c r="H57" s="20">
        <v>1</v>
      </c>
    </row>
    <row r="58" spans="1:8" s="3" customFormat="1" ht="12" customHeight="1" thickBot="1" x14ac:dyDescent="0.2">
      <c r="A58" s="40"/>
      <c r="B58" s="23" t="s">
        <v>25</v>
      </c>
      <c r="C58" s="82">
        <v>98</v>
      </c>
      <c r="D58" s="69">
        <v>99</v>
      </c>
      <c r="E58" s="95"/>
      <c r="F58" s="58">
        <v>1</v>
      </c>
      <c r="G58" s="95"/>
      <c r="H58" s="31">
        <v>1</v>
      </c>
    </row>
    <row r="59" spans="1:8" s="3" customFormat="1" ht="12" customHeight="1" x14ac:dyDescent="0.15">
      <c r="A59" s="133" t="s">
        <v>69</v>
      </c>
      <c r="B59" s="12" t="s">
        <v>29</v>
      </c>
      <c r="C59" s="78">
        <v>100</v>
      </c>
      <c r="D59" s="71">
        <v>101</v>
      </c>
      <c r="E59" s="94"/>
      <c r="F59" s="13">
        <v>3</v>
      </c>
      <c r="G59" s="94"/>
      <c r="H59" s="14">
        <v>1</v>
      </c>
    </row>
    <row r="60" spans="1:8" s="3" customFormat="1" ht="12" customHeight="1" x14ac:dyDescent="0.15">
      <c r="A60" s="134"/>
      <c r="B60" s="15" t="s">
        <v>28</v>
      </c>
      <c r="C60" s="81">
        <v>102</v>
      </c>
      <c r="D60" s="72">
        <v>103</v>
      </c>
      <c r="E60" s="96"/>
      <c r="F60" s="19">
        <v>2</v>
      </c>
      <c r="G60" s="96"/>
      <c r="H60" s="20">
        <v>1</v>
      </c>
    </row>
    <row r="61" spans="1:8" s="3" customFormat="1" ht="12" customHeight="1" thickBot="1" x14ac:dyDescent="0.2">
      <c r="A61" s="135"/>
      <c r="B61" s="23" t="s">
        <v>30</v>
      </c>
      <c r="C61" s="82">
        <v>104</v>
      </c>
      <c r="D61" s="69">
        <v>105</v>
      </c>
      <c r="E61" s="95"/>
      <c r="F61" s="58">
        <v>2</v>
      </c>
      <c r="G61" s="95"/>
      <c r="H61" s="17">
        <v>1</v>
      </c>
    </row>
    <row r="62" spans="1:8" s="3" customFormat="1" ht="12" customHeight="1" thickBot="1" x14ac:dyDescent="0.2">
      <c r="A62" s="127" t="s">
        <v>65</v>
      </c>
      <c r="B62" s="128"/>
      <c r="C62" s="83">
        <v>106</v>
      </c>
      <c r="D62" s="75">
        <v>107</v>
      </c>
      <c r="E62" s="97"/>
      <c r="F62" s="57">
        <v>4</v>
      </c>
      <c r="G62" s="97"/>
      <c r="H62" s="24">
        <v>1</v>
      </c>
    </row>
    <row r="63" spans="1:8" s="3" customFormat="1" ht="12" customHeight="1" thickBot="1" x14ac:dyDescent="0.2">
      <c r="A63" s="127" t="s">
        <v>73</v>
      </c>
      <c r="B63" s="128"/>
      <c r="C63" s="83">
        <v>108</v>
      </c>
      <c r="D63" s="75">
        <v>109</v>
      </c>
      <c r="E63" s="97"/>
      <c r="F63" s="57">
        <v>2</v>
      </c>
      <c r="G63" s="97"/>
      <c r="H63" s="24">
        <v>1</v>
      </c>
    </row>
    <row r="64" spans="1:8" s="3" customFormat="1" ht="9.75" customHeight="1" x14ac:dyDescent="0.15">
      <c r="A64" s="22"/>
      <c r="B64" s="22"/>
      <c r="C64" s="22"/>
      <c r="D64" s="22"/>
      <c r="E64" s="22"/>
      <c r="F64" s="22"/>
      <c r="G64" s="22"/>
      <c r="H64" s="22"/>
    </row>
    <row r="65" spans="1:8" s="3" customFormat="1" ht="12" customHeight="1" thickBot="1" x14ac:dyDescent="0.2">
      <c r="A65" s="26" t="s">
        <v>66</v>
      </c>
      <c r="B65" s="22"/>
      <c r="C65" s="22"/>
      <c r="D65" s="22"/>
      <c r="E65" s="22"/>
      <c r="F65" s="22"/>
      <c r="G65" s="22"/>
      <c r="H65" s="22"/>
    </row>
    <row r="66" spans="1:8" s="3" customFormat="1" ht="12" customHeight="1" thickBot="1" x14ac:dyDescent="0.2">
      <c r="A66" s="138" t="s">
        <v>83</v>
      </c>
      <c r="B66" s="139"/>
      <c r="C66" s="56"/>
      <c r="D66" s="84">
        <v>110</v>
      </c>
      <c r="E66" s="56"/>
      <c r="F66" s="56" t="s">
        <v>102</v>
      </c>
      <c r="G66" s="97"/>
      <c r="H66" s="39">
        <v>4</v>
      </c>
    </row>
    <row r="67" spans="1:8" s="3" customFormat="1" ht="12" customHeight="1" thickBot="1" x14ac:dyDescent="0.2">
      <c r="A67" s="56"/>
      <c r="B67" s="56"/>
      <c r="C67" s="56"/>
      <c r="D67" s="75"/>
      <c r="E67" s="56"/>
      <c r="F67" s="56"/>
      <c r="G67" s="56"/>
      <c r="H67" s="33"/>
    </row>
    <row r="68" spans="1:8" s="3" customFormat="1" ht="12" customHeight="1" thickBot="1" x14ac:dyDescent="0.2">
      <c r="A68" s="127" t="s">
        <v>84</v>
      </c>
      <c r="B68" s="132"/>
      <c r="C68" s="54"/>
      <c r="D68" s="85">
        <v>111</v>
      </c>
      <c r="E68" s="54"/>
      <c r="F68" s="54" t="s">
        <v>103</v>
      </c>
      <c r="G68" s="97"/>
      <c r="H68" s="24">
        <v>4</v>
      </c>
    </row>
    <row r="69" spans="1:8" ht="12" customHeight="1" x14ac:dyDescent="0.15">
      <c r="A69" s="86"/>
      <c r="B69" s="86"/>
      <c r="C69" s="86"/>
      <c r="D69" s="86"/>
      <c r="E69" s="86"/>
      <c r="F69" s="87"/>
      <c r="G69" s="87"/>
      <c r="H69" s="88"/>
    </row>
    <row r="70" spans="1:8" ht="15" customHeight="1" x14ac:dyDescent="0.15"/>
  </sheetData>
  <mergeCells count="18">
    <mergeCell ref="A10:A12"/>
    <mergeCell ref="A13:A16"/>
    <mergeCell ref="A17:B17"/>
    <mergeCell ref="C9:D9"/>
    <mergeCell ref="A1:H1"/>
    <mergeCell ref="A2:H2"/>
    <mergeCell ref="A68:B68"/>
    <mergeCell ref="A26:A34"/>
    <mergeCell ref="A35:A57"/>
    <mergeCell ref="A59:A61"/>
    <mergeCell ref="A62:B62"/>
    <mergeCell ref="A63:B63"/>
    <mergeCell ref="A66:B66"/>
    <mergeCell ref="A22:A25"/>
    <mergeCell ref="C5:D5"/>
    <mergeCell ref="C20:D20"/>
    <mergeCell ref="A8:A9"/>
    <mergeCell ref="F9:H9"/>
  </mergeCells>
  <phoneticPr fontId="1"/>
  <pageMargins left="0.70866141732283472" right="0.70866141732283472" top="0.55118110236220474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4.1次・３次</vt:lpstr>
      <vt:lpstr>R4.2次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</dc:creator>
  <cp:lastModifiedBy>佐藤　哲子</cp:lastModifiedBy>
  <cp:lastPrinted>2026-07-02T01:37:24Z</cp:lastPrinted>
  <dcterms:created xsi:type="dcterms:W3CDTF">2008-05-25T13:07:57Z</dcterms:created>
  <dcterms:modified xsi:type="dcterms:W3CDTF">2026-07-02T01:37:26Z</dcterms:modified>
</cp:coreProperties>
</file>